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03_1自己点検\起案\運営指導事前提出資料(案の２）\溶け込み\"/>
    </mc:Choice>
  </mc:AlternateContent>
  <bookViews>
    <workbookView xWindow="32770" yWindow="32770" windowWidth="23040" windowHeight="7440"/>
  </bookViews>
  <sheets>
    <sheet name="療養" sheetId="4" r:id="rId1"/>
  </sheets>
  <definedNames>
    <definedName name="_xlnm.Print_Area" localSheetId="0">療養!$A$1:$J$179</definedName>
  </definedNames>
  <calcPr calcId="162913"/>
</workbook>
</file>

<file path=xl/sharedStrings.xml><?xml version="1.0" encoding="utf-8"?>
<sst xmlns="http://schemas.openxmlformats.org/spreadsheetml/2006/main" count="273" uniqueCount="136">
  <si>
    <t>３　事業所の名称</t>
    <rPh sb="2" eb="5">
      <t>ジギョウショ</t>
    </rPh>
    <rPh sb="6" eb="8">
      <t>メイショウ</t>
    </rPh>
    <phoneticPr fontId="2"/>
  </si>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４　事業所の住所、連絡先</t>
    <rPh sb="2" eb="5">
      <t>ジギョウショ</t>
    </rPh>
    <rPh sb="6" eb="8">
      <t>ジュウショ</t>
    </rPh>
    <rPh sb="9" eb="12">
      <t>レンラクサキ</t>
    </rPh>
    <phoneticPr fontId="2"/>
  </si>
  <si>
    <t>〒</t>
    <phoneticPr fontId="2"/>
  </si>
  <si>
    <t>ＴＥＬ</t>
    <phoneticPr fontId="2"/>
  </si>
  <si>
    <t>ＦＡＸ</t>
    <phoneticPr fontId="2"/>
  </si>
  <si>
    <t>兼務の有無</t>
    <rPh sb="0" eb="2">
      <t>ケンム</t>
    </rPh>
    <rPh sb="3" eb="5">
      <t>ウム</t>
    </rPh>
    <phoneticPr fontId="2"/>
  </si>
  <si>
    <t>　　の氏名</t>
    <phoneticPr fontId="2"/>
  </si>
  <si>
    <t>あり</t>
  </si>
  <si>
    <t>なし</t>
  </si>
  <si>
    <t>単位ごとの定員</t>
    <rPh sb="0" eb="2">
      <t>タンイ</t>
    </rPh>
    <rPh sb="5" eb="7">
      <t>テイイン</t>
    </rPh>
    <phoneticPr fontId="2"/>
  </si>
  <si>
    <t>あり（　Ⅰ・Ⅱ　）</t>
    <phoneticPr fontId="2"/>
  </si>
  <si>
    <t>なし</t>
    <phoneticPr fontId="2"/>
  </si>
  <si>
    <t>あり</t>
    <phoneticPr fontId="2"/>
  </si>
  <si>
    <t>　(1) 地域移行加算</t>
    <phoneticPr fontId="2"/>
  </si>
  <si>
    <t>　(2) 福祉専門職員配置等加算</t>
    <rPh sb="5" eb="7">
      <t>フクシ</t>
    </rPh>
    <rPh sb="7" eb="10">
      <t>センモンショク</t>
    </rPh>
    <rPh sb="10" eb="11">
      <t>イン</t>
    </rPh>
    <rPh sb="11" eb="13">
      <t>ハイチ</t>
    </rPh>
    <rPh sb="13" eb="14">
      <t>ナド</t>
    </rPh>
    <rPh sb="14" eb="16">
      <t>カサン</t>
    </rPh>
    <phoneticPr fontId="2"/>
  </si>
  <si>
    <t>　(3) 人員配置体制加算</t>
    <rPh sb="5" eb="7">
      <t>ジンイン</t>
    </rPh>
    <rPh sb="7" eb="9">
      <t>ハイチ</t>
    </rPh>
    <rPh sb="9" eb="11">
      <t>タイセイ</t>
    </rPh>
    <rPh sb="11" eb="13">
      <t>カサン</t>
    </rPh>
    <phoneticPr fontId="2"/>
  </si>
  <si>
    <t>　(4) 障害福祉サービスの体験利用支援加算</t>
    <rPh sb="5" eb="7">
      <t>ショウガイ</t>
    </rPh>
    <rPh sb="7" eb="9">
      <t>フクシ</t>
    </rPh>
    <rPh sb="14" eb="16">
      <t>タイケン</t>
    </rPh>
    <rPh sb="16" eb="18">
      <t>リヨウ</t>
    </rPh>
    <rPh sb="18" eb="20">
      <t>シエン</t>
    </rPh>
    <rPh sb="20" eb="22">
      <t>カサン</t>
    </rPh>
    <phoneticPr fontId="2"/>
  </si>
  <si>
    <t>医師</t>
    <rPh sb="0" eb="2">
      <t>イシ</t>
    </rPh>
    <phoneticPr fontId="2"/>
  </si>
  <si>
    <t>看護職員</t>
    <rPh sb="0" eb="2">
      <t>カンゴ</t>
    </rPh>
    <rPh sb="2" eb="4">
      <t>ショクイン</t>
    </rPh>
    <phoneticPr fontId="2"/>
  </si>
  <si>
    <t>生活支援員</t>
    <rPh sb="0" eb="2">
      <t>セイカツ</t>
    </rPh>
    <rPh sb="2" eb="4">
      <t>シエン</t>
    </rPh>
    <rPh sb="4" eb="5">
      <t>イン</t>
    </rPh>
    <phoneticPr fontId="2"/>
  </si>
  <si>
    <t>人</t>
    <rPh sb="0" eb="1">
      <t>ヒト</t>
    </rPh>
    <phoneticPr fontId="2"/>
  </si>
  <si>
    <t xml:space="preserve">      人</t>
    <rPh sb="6" eb="7">
      <t>ヒト</t>
    </rPh>
    <phoneticPr fontId="2"/>
  </si>
  <si>
    <t>内訳</t>
    <rPh sb="0" eb="2">
      <t>ウチワケ</t>
    </rPh>
    <phoneticPr fontId="2"/>
  </si>
  <si>
    <t>人（常勤</t>
    <rPh sb="0" eb="1">
      <t>ヒト</t>
    </rPh>
    <rPh sb="2" eb="4">
      <t>ジョウキン</t>
    </rPh>
    <phoneticPr fontId="2"/>
  </si>
  <si>
    <t>非常勤</t>
    <rPh sb="0" eb="3">
      <t>ヒジョウキン</t>
    </rPh>
    <phoneticPr fontId="2"/>
  </si>
  <si>
    <t>）</t>
    <phoneticPr fontId="2"/>
  </si>
  <si>
    <t>【療養介護】</t>
    <phoneticPr fontId="2"/>
  </si>
  <si>
    <t xml:space="preserve">      人</t>
    <rPh sb="6" eb="7">
      <t>ニン</t>
    </rPh>
    <phoneticPr fontId="2"/>
  </si>
  <si>
    <t>　載してください。</t>
    <phoneticPr fontId="2"/>
  </si>
  <si>
    <t>　(1) 地方公共団体が設置する指定療養介護事業所</t>
    <rPh sb="5" eb="7">
      <t>チホウ</t>
    </rPh>
    <rPh sb="7" eb="9">
      <t>コウキョウ</t>
    </rPh>
    <rPh sb="9" eb="11">
      <t>ダンタイ</t>
    </rPh>
    <rPh sb="12" eb="14">
      <t>セッチ</t>
    </rPh>
    <rPh sb="16" eb="18">
      <t>シテイ</t>
    </rPh>
    <rPh sb="18" eb="20">
      <t>リョウヨウ</t>
    </rPh>
    <rPh sb="20" eb="22">
      <t>カイゴ</t>
    </rPh>
    <rPh sb="22" eb="24">
      <t>ジギョウ</t>
    </rPh>
    <rPh sb="24" eb="25">
      <t>ショ</t>
    </rPh>
    <phoneticPr fontId="2"/>
  </si>
  <si>
    <t>　　による減算</t>
    <phoneticPr fontId="2"/>
  </si>
  <si>
    <t>　(3) 看護職員、生活支援員又はサービス管理責任</t>
    <rPh sb="5" eb="7">
      <t>カンゴ</t>
    </rPh>
    <rPh sb="7" eb="9">
      <t>ショクイン</t>
    </rPh>
    <rPh sb="10" eb="12">
      <t>セイカツ</t>
    </rPh>
    <rPh sb="12" eb="14">
      <t>シエン</t>
    </rPh>
    <rPh sb="14" eb="15">
      <t>イン</t>
    </rPh>
    <rPh sb="15" eb="16">
      <t>マタ</t>
    </rPh>
    <rPh sb="21" eb="23">
      <t>カンリ</t>
    </rPh>
    <rPh sb="23" eb="25">
      <t>セキニン</t>
    </rPh>
    <phoneticPr fontId="2"/>
  </si>
  <si>
    <t>　　者の員数が基準に満たない場合による減算</t>
    <rPh sb="4" eb="6">
      <t>インスウ</t>
    </rPh>
    <rPh sb="7" eb="9">
      <t>キジュン</t>
    </rPh>
    <rPh sb="10" eb="11">
      <t>ミ</t>
    </rPh>
    <rPh sb="14" eb="16">
      <t>バアイ</t>
    </rPh>
    <rPh sb="19" eb="20">
      <t>ゲン</t>
    </rPh>
    <rPh sb="20" eb="21">
      <t>サン</t>
    </rPh>
    <phoneticPr fontId="2"/>
  </si>
  <si>
    <t>　(4) 療養介護計画が作成されていない場合による</t>
    <rPh sb="5" eb="7">
      <t>リョウヨウ</t>
    </rPh>
    <rPh sb="7" eb="9">
      <t>カイゴ</t>
    </rPh>
    <rPh sb="9" eb="11">
      <t>ケイカク</t>
    </rPh>
    <rPh sb="12" eb="14">
      <t>サクセイ</t>
    </rPh>
    <rPh sb="20" eb="22">
      <t>バアイ</t>
    </rPh>
    <phoneticPr fontId="2"/>
  </si>
  <si>
    <t>　　減算</t>
    <phoneticPr fontId="2"/>
  </si>
  <si>
    <t>　年　月　日</t>
    <rPh sb="1" eb="2">
      <t>ネン</t>
    </rPh>
    <rPh sb="3" eb="4">
      <t>ガツ</t>
    </rPh>
    <rPh sb="5" eb="6">
      <t>ニチ</t>
    </rPh>
    <phoneticPr fontId="2"/>
  </si>
  <si>
    <t>　さい。</t>
    <phoneticPr fontId="2"/>
  </si>
  <si>
    <t>　年　月</t>
    <rPh sb="1" eb="2">
      <t>トシ</t>
    </rPh>
    <rPh sb="3" eb="4">
      <t>ツキ</t>
    </rPh>
    <phoneticPr fontId="2"/>
  </si>
  <si>
    <t>人</t>
    <rPh sb="0" eb="1">
      <t>ニン</t>
    </rPh>
    <phoneticPr fontId="2"/>
  </si>
  <si>
    <t>日</t>
    <rPh sb="0" eb="1">
      <t>ニチ</t>
    </rPh>
    <phoneticPr fontId="2"/>
  </si>
  <si>
    <t>㎡</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はい</t>
  </si>
  <si>
    <t>いいえ</t>
  </si>
  <si>
    <t>施設・設備</t>
    <rPh sb="0" eb="2">
      <t>シセツ</t>
    </rPh>
    <rPh sb="3" eb="5">
      <t>セツビ</t>
    </rPh>
    <phoneticPr fontId="3"/>
  </si>
  <si>
    <t>設置義務</t>
    <rPh sb="0" eb="2">
      <t>セッチ</t>
    </rPh>
    <rPh sb="2" eb="4">
      <t>ギム</t>
    </rPh>
    <phoneticPr fontId="2"/>
  </si>
  <si>
    <t>現状</t>
    <rPh sb="0" eb="2">
      <t>ゲンジョウ</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防火戸・防火シャッター</t>
    <rPh sb="0" eb="2">
      <t>ボウカ</t>
    </rPh>
    <rPh sb="2" eb="3">
      <t>ト</t>
    </rPh>
    <rPh sb="4" eb="6">
      <t>ボウカ</t>
    </rPh>
    <phoneticPr fontId="2"/>
  </si>
  <si>
    <t>あり（　Ⅰ・Ⅱ・Ⅲ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       年   月   日記載）</t>
    <rPh sb="8" eb="9">
      <t>ネン</t>
    </rPh>
    <rPh sb="12" eb="13">
      <t>ガツ</t>
    </rPh>
    <rPh sb="16" eb="17">
      <t>ニチ</t>
    </rPh>
    <rPh sb="17" eb="19">
      <t>キサイ</t>
    </rPh>
    <phoneticPr fontId="2"/>
  </si>
  <si>
    <t>　★　次の資料を添付し、提出してください。</t>
    <rPh sb="3" eb="4">
      <t>ツギ</t>
    </rPh>
    <rPh sb="5" eb="7">
      <t>シリョウ</t>
    </rPh>
    <rPh sb="8" eb="10">
      <t>テンプ</t>
    </rPh>
    <rPh sb="12" eb="14">
      <t>テイシュツ</t>
    </rPh>
    <phoneticPr fontId="2"/>
  </si>
  <si>
    <t>○</t>
    <phoneticPr fontId="2"/>
  </si>
  <si>
    <t>○</t>
    <phoneticPr fontId="2"/>
  </si>
  <si>
    <t>○</t>
    <phoneticPr fontId="2"/>
  </si>
  <si>
    <t>契約書（様式）</t>
    <rPh sb="0" eb="3">
      <t>ケイヤクショ</t>
    </rPh>
    <rPh sb="4" eb="6">
      <t>ヨウシキ</t>
    </rPh>
    <phoneticPr fontId="2"/>
  </si>
  <si>
    <t>重要事項説明書</t>
    <rPh sb="0" eb="2">
      <t>ジュウヨウ</t>
    </rPh>
    <rPh sb="2" eb="4">
      <t>ジコウ</t>
    </rPh>
    <rPh sb="4" eb="7">
      <t>セツメイショ</t>
    </rPh>
    <phoneticPr fontId="2"/>
  </si>
  <si>
    <t>運営規程</t>
    <rPh sb="0" eb="2">
      <t>ウンエイ</t>
    </rPh>
    <rPh sb="2" eb="4">
      <t>キテイ</t>
    </rPh>
    <phoneticPr fontId="2"/>
  </si>
  <si>
    <t>○</t>
    <phoneticPr fontId="2"/>
  </si>
  <si>
    <t>療養介護計画（氏名等個人を特定するものは消してください。）</t>
    <rPh sb="0" eb="2">
      <t>リョウヨウ</t>
    </rPh>
    <rPh sb="2" eb="4">
      <t>カイゴ</t>
    </rPh>
    <rPh sb="4" eb="6">
      <t>ケイカク</t>
    </rPh>
    <phoneticPr fontId="2"/>
  </si>
  <si>
    <t>アセスメント票（様式）</t>
    <rPh sb="6" eb="7">
      <t>ヒョウ</t>
    </rPh>
    <rPh sb="8" eb="10">
      <t>ヨウシキ</t>
    </rPh>
    <phoneticPr fontId="2"/>
  </si>
  <si>
    <t>職員の一覧表</t>
    <rPh sb="0" eb="2">
      <t>ショクイン</t>
    </rPh>
    <rPh sb="3" eb="5">
      <t>イチラン</t>
    </rPh>
    <rPh sb="5" eb="6">
      <t>ヒョウ</t>
    </rPh>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電子メールアドレス</t>
    <rPh sb="0" eb="2">
      <t>デンシ</t>
    </rPh>
    <phoneticPr fontId="2"/>
  </si>
  <si>
    <t>５　指定事業所番号</t>
    <rPh sb="2" eb="4">
      <t>シテイ</t>
    </rPh>
    <rPh sb="4" eb="7">
      <t>ジギョウショ</t>
    </rPh>
    <rPh sb="7" eb="9">
      <t>バンゴウ</t>
    </rPh>
    <phoneticPr fontId="2"/>
  </si>
  <si>
    <t>６　管理者の氏名</t>
    <rPh sb="2" eb="4">
      <t>カンリ</t>
    </rPh>
    <rPh sb="4" eb="5">
      <t>シャ</t>
    </rPh>
    <rPh sb="6" eb="8">
      <t>シメイ</t>
    </rPh>
    <phoneticPr fontId="2"/>
  </si>
  <si>
    <t>７　サービス管理責任者</t>
    <rPh sb="6" eb="8">
      <t>カンリ</t>
    </rPh>
    <rPh sb="8" eb="11">
      <t>セキニンシャ</t>
    </rPh>
    <phoneticPr fontId="2"/>
  </si>
  <si>
    <t>８　従業者の員数</t>
    <rPh sb="2" eb="5">
      <t>ジュウギョウシャ</t>
    </rPh>
    <rPh sb="6" eb="8">
      <t>インスウ</t>
    </rPh>
    <phoneticPr fontId="2"/>
  </si>
  <si>
    <t>９　定員等</t>
    <rPh sb="2" eb="4">
      <t>テイイン</t>
    </rPh>
    <rPh sb="4" eb="5">
      <t>トウ</t>
    </rPh>
    <phoneticPr fontId="2"/>
  </si>
  <si>
    <t>10　各加算についての有無を記載してください。</t>
    <phoneticPr fontId="2"/>
  </si>
  <si>
    <t>11　減算についての有無を記載してください。</t>
    <rPh sb="3" eb="4">
      <t>ゲン</t>
    </rPh>
    <phoneticPr fontId="2"/>
  </si>
  <si>
    <t>14　建物の延べ床面積は何㎡ですか。複数建物がある場合は、それぞれ記載してください。</t>
    <rPh sb="3" eb="5">
      <t>タテモノ</t>
    </rPh>
    <rPh sb="6" eb="7">
      <t>ノ</t>
    </rPh>
    <rPh sb="8" eb="9">
      <t>ユカ</t>
    </rPh>
    <rPh sb="9" eb="11">
      <t>メンセキ</t>
    </rPh>
    <rPh sb="12" eb="13">
      <t>ナン</t>
    </rPh>
    <phoneticPr fontId="2"/>
  </si>
  <si>
    <t>15　防火設備等の状況について</t>
    <phoneticPr fontId="2"/>
  </si>
  <si>
    <t>16　防火管理者の責務について</t>
    <rPh sb="3" eb="5">
      <t>ボウカ</t>
    </rPh>
    <rPh sb="5" eb="8">
      <t>カンリシャ</t>
    </rPh>
    <rPh sb="9" eb="11">
      <t>セキム</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17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8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　　</t>
    <phoneticPr fontId="2"/>
  </si>
  <si>
    <t>　(2) 利用者の数が利用定員を超える場合による減算</t>
    <rPh sb="5" eb="8">
      <t>リヨウシャ</t>
    </rPh>
    <rPh sb="9" eb="10">
      <t>カズ</t>
    </rPh>
    <rPh sb="11" eb="13">
      <t>リヨウ</t>
    </rPh>
    <rPh sb="13" eb="15">
      <t>テイイン</t>
    </rPh>
    <phoneticPr fontId="2"/>
  </si>
  <si>
    <t xml:space="preserve">  (8) 情報公表未報告減算</t>
    <rPh sb="6" eb="8">
      <t>ジョウホウ</t>
    </rPh>
    <rPh sb="8" eb="10">
      <t>コウヒョウ</t>
    </rPh>
    <rPh sb="10" eb="13">
      <t>ミホウコク</t>
    </rPh>
    <rPh sb="13" eb="15">
      <t>ゲンサン</t>
    </rPh>
    <phoneticPr fontId="2"/>
  </si>
  <si>
    <t xml:space="preserve">  (5) 集中的支援加算</t>
    <rPh sb="6" eb="9">
      <t>シュウチュウテキ</t>
    </rPh>
    <rPh sb="9" eb="11">
      <t>シエン</t>
    </rPh>
    <rPh sb="11" eb="13">
      <t>カサン</t>
    </rPh>
    <phoneticPr fontId="2"/>
  </si>
  <si>
    <t xml:space="preserve">  (6) 福祉・介護職員等処遇改善加算</t>
    <rPh sb="6" eb="8">
      <t>フクシ</t>
    </rPh>
    <rPh sb="9" eb="11">
      <t>カイゴ</t>
    </rPh>
    <rPh sb="11" eb="13">
      <t>ショクイン</t>
    </rPh>
    <rPh sb="13" eb="14">
      <t>トウ</t>
    </rPh>
    <rPh sb="14" eb="16">
      <t>ショグウ</t>
    </rPh>
    <rPh sb="16" eb="18">
      <t>カイゼン</t>
    </rPh>
    <rPh sb="18" eb="20">
      <t>カサン</t>
    </rPh>
    <phoneticPr fontId="2"/>
  </si>
  <si>
    <t xml:space="preserve">  (7) 業務継続計画未策定減算</t>
    <rPh sb="15" eb="17">
      <t>ゲンサン</t>
    </rPh>
    <phoneticPr fontId="2"/>
  </si>
  <si>
    <t>指定障害福祉サービス事業　運営指導提出資料</t>
    <rPh sb="0" eb="2">
      <t>シテイ</t>
    </rPh>
    <rPh sb="2" eb="4">
      <t>ショウガイ</t>
    </rPh>
    <rPh sb="4" eb="6">
      <t>フクシ</t>
    </rPh>
    <rPh sb="10" eb="12">
      <t>ジギョウ</t>
    </rPh>
    <rPh sb="13" eb="15">
      <t>ウンエイ</t>
    </rPh>
    <rPh sb="15" eb="17">
      <t>シドウ</t>
    </rPh>
    <rPh sb="17" eb="19">
      <t>テイシュツ</t>
    </rPh>
    <rPh sb="19" eb="21">
      <t>シリョウ</t>
    </rPh>
    <phoneticPr fontId="2"/>
  </si>
  <si>
    <t>　ルアドレスを登録してありますか。</t>
    <rPh sb="7" eb="9">
      <t>トウロク</t>
    </rPh>
    <phoneticPr fontId="2"/>
  </si>
  <si>
    <t>19　障害福祉情報サービスかながわに事業所のメー</t>
    <rPh sb="3" eb="5">
      <t>ショウガイ</t>
    </rPh>
    <rPh sb="5" eb="7">
      <t>フクシ</t>
    </rPh>
    <rPh sb="7" eb="9">
      <t>ジョウホウ</t>
    </rPh>
    <rPh sb="18" eb="20">
      <t>ジギョウ</t>
    </rPh>
    <rPh sb="20" eb="21">
      <t>ショ</t>
    </rPh>
    <phoneticPr fontId="2"/>
  </si>
  <si>
    <t>あり(Ⅰ・Ⅱ・Ⅲ・Ⅳ)</t>
    <phoneticPr fontId="2"/>
  </si>
  <si>
    <t xml:space="preserve">  (6) 虐待防止措置未実施減算</t>
    <rPh sb="6" eb="8">
      <t>ギャクタイ</t>
    </rPh>
    <rPh sb="8" eb="10">
      <t>ボウシ</t>
    </rPh>
    <rPh sb="10" eb="12">
      <t>ソチ</t>
    </rPh>
    <phoneticPr fontId="2"/>
  </si>
  <si>
    <t>12　運営指導前月までの過去12ヶ月における各月の最も利用者数の多い日及び利用者数を記</t>
    <rPh sb="3" eb="5">
      <t>ウンエイ</t>
    </rPh>
    <rPh sb="35" eb="36">
      <t>オヨ</t>
    </rPh>
    <phoneticPr fontId="2"/>
  </si>
  <si>
    <t>13　運営指導前月までの過去12ヶ月における月別延べ利用者数及び開所日数を記載してくだ</t>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r>
      <t>　(5) 身体拘束</t>
    </r>
    <r>
      <rPr>
        <sz val="12"/>
        <rFont val="ＭＳ 明朝"/>
        <family val="1"/>
        <charset val="128"/>
      </rPr>
      <t>廃止未実施減算</t>
    </r>
    <rPh sb="5" eb="7">
      <t>シンタイ</t>
    </rPh>
    <rPh sb="7" eb="9">
      <t>コウソク</t>
    </rPh>
    <rPh sb="9" eb="11">
      <t>ハイシ</t>
    </rPh>
    <rPh sb="11" eb="14">
      <t>ミジッシ</t>
    </rPh>
    <rPh sb="14" eb="16">
      <t>ゲンサン</t>
    </rPh>
    <phoneticPr fontId="2"/>
  </si>
  <si>
    <t>今年度指定障害福祉サービス事業所等自己点検シート【療養介護】（運営編）</t>
    <rPh sb="0" eb="3">
      <t>コンネンド</t>
    </rPh>
    <rPh sb="25" eb="29">
      <t>リョウヨウ</t>
    </rPh>
    <rPh sb="31" eb="33">
      <t>ウンエイ</t>
    </rPh>
    <rPh sb="33" eb="34">
      <t>ヘン</t>
    </rPh>
    <phoneticPr fontId="2"/>
  </si>
  <si>
    <t>今年度指定障害福祉サービス事業所等自己点検シート【療養介護】（報酬編）</t>
    <rPh sb="0" eb="3">
      <t>コンネンド</t>
    </rPh>
    <rPh sb="25" eb="29">
      <t>リョウヨウ</t>
    </rPh>
    <rPh sb="31" eb="33">
      <t>ホウシュウ</t>
    </rPh>
    <rPh sb="33" eb="34">
      <t>ヘ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name val="ＭＳ ゴシック"/>
      <family val="3"/>
      <charset val="128"/>
    </font>
    <font>
      <sz val="11"/>
      <name val="ＭＳ ゴシック"/>
      <family val="3"/>
      <charset val="128"/>
    </font>
    <font>
      <b/>
      <sz val="12"/>
      <name val="ＭＳ 明朝"/>
      <family val="1"/>
      <charset val="128"/>
    </font>
    <font>
      <sz val="12"/>
      <name val="ＭＳ 明朝"/>
      <family val="1"/>
      <charset val="128"/>
    </font>
    <font>
      <sz val="11"/>
      <name val="ＭＳ 明朝"/>
      <family val="1"/>
      <charset val="128"/>
    </font>
    <font>
      <sz val="12"/>
      <name val="ＭＳ Ｐゴシック"/>
      <family val="3"/>
      <charset val="128"/>
    </font>
    <font>
      <strike/>
      <sz val="12"/>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10" applyNumberFormat="0" applyAlignment="0" applyProtection="0">
      <alignment vertical="center"/>
    </xf>
    <xf numFmtId="0" fontId="11" fillId="29" borderId="0" applyNumberFormat="0" applyBorder="0" applyAlignment="0" applyProtection="0">
      <alignment vertical="center"/>
    </xf>
    <xf numFmtId="0" fontId="1" fillId="2" borderId="11" applyNumberFormat="0" applyFont="0" applyAlignment="0" applyProtection="0">
      <alignment vertical="center"/>
    </xf>
    <xf numFmtId="0" fontId="12" fillId="0" borderId="12" applyNumberFormat="0" applyFill="0" applyAlignment="0" applyProtection="0">
      <alignment vertical="center"/>
    </xf>
    <xf numFmtId="0" fontId="13" fillId="30" borderId="0" applyNumberFormat="0" applyBorder="0" applyAlignment="0" applyProtection="0">
      <alignment vertical="center"/>
    </xf>
    <xf numFmtId="0" fontId="14" fillId="31" borderId="13" applyNumberFormat="0" applyAlignment="0" applyProtection="0">
      <alignment vertical="center"/>
    </xf>
    <xf numFmtId="0" fontId="8" fillId="0" borderId="0" applyNumberFormat="0" applyFill="0" applyBorder="0" applyAlignment="0" applyProtection="0">
      <alignment vertical="center"/>
    </xf>
    <xf numFmtId="0" fontId="15" fillId="0" borderId="14" applyNumberFormat="0" applyFill="0" applyAlignment="0" applyProtection="0">
      <alignment vertical="center"/>
    </xf>
    <xf numFmtId="0" fontId="16" fillId="0" borderId="15" applyNumberFormat="0" applyFill="0" applyAlignment="0" applyProtection="0">
      <alignment vertical="center"/>
    </xf>
    <xf numFmtId="0" fontId="17" fillId="0" borderId="16" applyNumberFormat="0" applyFill="0" applyAlignment="0" applyProtection="0">
      <alignment vertical="center"/>
    </xf>
    <xf numFmtId="0" fontId="17" fillId="0" borderId="0" applyNumberFormat="0" applyFill="0" applyBorder="0" applyAlignment="0" applyProtection="0">
      <alignment vertical="center"/>
    </xf>
    <xf numFmtId="0" fontId="9" fillId="0" borderId="17" applyNumberFormat="0" applyFill="0" applyAlignment="0" applyProtection="0">
      <alignment vertical="center"/>
    </xf>
    <xf numFmtId="0" fontId="18" fillId="31" borderId="18" applyNumberFormat="0" applyAlignment="0" applyProtection="0">
      <alignment vertical="center"/>
    </xf>
    <xf numFmtId="0" fontId="19" fillId="0" borderId="0" applyNumberFormat="0" applyFill="0" applyBorder="0" applyAlignment="0" applyProtection="0">
      <alignment vertical="center"/>
    </xf>
    <xf numFmtId="0" fontId="20" fillId="3" borderId="13"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57">
    <xf numFmtId="0" fontId="0" fillId="0" borderId="0" xfId="0" applyAlignment="1"/>
    <xf numFmtId="0" fontId="23" fillId="0" borderId="0" xfId="0" applyFont="1" applyFill="1" applyAlignment="1">
      <alignment vertical="center"/>
    </xf>
    <xf numFmtId="0" fontId="22" fillId="0" borderId="0" xfId="0" applyFont="1" applyFill="1" applyAlignment="1">
      <alignment vertical="center"/>
    </xf>
    <xf numFmtId="0" fontId="22" fillId="0" borderId="0" xfId="0" applyFont="1" applyFill="1" applyAlignment="1">
      <alignment horizontal="left" vertical="center"/>
    </xf>
    <xf numFmtId="0" fontId="22" fillId="0" borderId="0" xfId="0" applyFont="1" applyFill="1" applyAlignment="1">
      <alignment horizontal="right" vertical="center"/>
    </xf>
    <xf numFmtId="0" fontId="24" fillId="0" borderId="0" xfId="0" applyFont="1" applyFill="1" applyAlignment="1">
      <alignment vertical="center"/>
    </xf>
    <xf numFmtId="0" fontId="25" fillId="0" borderId="0" xfId="0" applyFont="1" applyFill="1" applyAlignment="1">
      <alignment horizontal="right" vertical="center"/>
    </xf>
    <xf numFmtId="0" fontId="25" fillId="0" borderId="1" xfId="0" applyFont="1" applyFill="1" applyBorder="1" applyAlignment="1">
      <alignment vertical="center"/>
    </xf>
    <xf numFmtId="0" fontId="25" fillId="0" borderId="6" xfId="0" applyFont="1" applyFill="1" applyBorder="1" applyAlignment="1">
      <alignment vertical="center"/>
    </xf>
    <xf numFmtId="0" fontId="26" fillId="0" borderId="0" xfId="0" applyFont="1" applyFill="1" applyAlignment="1">
      <alignment vertical="center"/>
    </xf>
    <xf numFmtId="0" fontId="26" fillId="0" borderId="0" xfId="0" applyFont="1" applyFill="1" applyBorder="1" applyAlignment="1">
      <alignment vertical="center"/>
    </xf>
    <xf numFmtId="0" fontId="25" fillId="0" borderId="0" xfId="0" applyFont="1" applyFill="1" applyBorder="1" applyAlignment="1">
      <alignment horizontal="right" vertical="center" shrinkToFit="1"/>
    </xf>
    <xf numFmtId="0" fontId="25" fillId="0" borderId="0" xfId="0" applyFont="1" applyFill="1" applyBorder="1" applyAlignment="1">
      <alignment horizontal="right" vertical="center"/>
    </xf>
    <xf numFmtId="0" fontId="25" fillId="0" borderId="0" xfId="0" applyFont="1" applyFill="1" applyBorder="1" applyAlignment="1">
      <alignment vertical="center" shrinkToFit="1"/>
    </xf>
    <xf numFmtId="0" fontId="25" fillId="0" borderId="0" xfId="0" applyFont="1" applyFill="1" applyAlignment="1"/>
    <xf numFmtId="0" fontId="25" fillId="0" borderId="0" xfId="0" applyFont="1" applyFill="1" applyAlignment="1">
      <alignment horizontal="center" vertical="center"/>
    </xf>
    <xf numFmtId="0" fontId="25" fillId="0" borderId="0" xfId="0" applyFont="1" applyFill="1" applyBorder="1" applyAlignment="1">
      <alignment vertical="center"/>
    </xf>
    <xf numFmtId="0" fontId="25" fillId="0" borderId="0" xfId="0" applyFont="1" applyFill="1" applyAlignment="1">
      <alignment vertical="center"/>
    </xf>
    <xf numFmtId="0" fontId="25" fillId="0" borderId="0" xfId="41" applyFont="1" applyFill="1" applyBorder="1" applyAlignment="1">
      <alignment vertical="center"/>
    </xf>
    <xf numFmtId="0" fontId="25" fillId="0" borderId="0" xfId="41" applyFont="1" applyFill="1" applyAlignment="1">
      <alignment vertical="center"/>
    </xf>
    <xf numFmtId="0" fontId="25" fillId="0" borderId="2" xfId="0" applyFont="1" applyFill="1" applyBorder="1" applyAlignment="1">
      <alignment vertical="center" shrinkToFit="1"/>
    </xf>
    <xf numFmtId="55" fontId="25" fillId="0" borderId="2" xfId="0" applyNumberFormat="1" applyFont="1" applyFill="1" applyBorder="1" applyAlignment="1">
      <alignment horizontal="center" vertical="center" shrinkToFit="1"/>
    </xf>
    <xf numFmtId="0" fontId="25" fillId="0" borderId="2" xfId="0" applyFont="1" applyFill="1" applyBorder="1" applyAlignment="1">
      <alignment horizontal="right" vertical="center"/>
    </xf>
    <xf numFmtId="49" fontId="25" fillId="0" borderId="0" xfId="0" applyNumberFormat="1" applyFont="1" applyFill="1" applyAlignment="1">
      <alignment horizontal="left" vertical="center"/>
    </xf>
    <xf numFmtId="0" fontId="25" fillId="0" borderId="2" xfId="0" applyFont="1" applyFill="1" applyBorder="1" applyAlignment="1">
      <alignment horizontal="center" vertical="center" shrinkToFit="1"/>
    </xf>
    <xf numFmtId="0" fontId="25" fillId="0" borderId="3" xfId="0" applyFont="1" applyFill="1" applyBorder="1" applyAlignment="1">
      <alignment vertical="center"/>
    </xf>
    <xf numFmtId="0" fontId="25" fillId="0" borderId="4" xfId="0" applyFont="1" applyFill="1" applyBorder="1" applyAlignment="1">
      <alignment vertical="center"/>
    </xf>
    <xf numFmtId="0" fontId="25" fillId="0" borderId="5" xfId="0" applyFont="1" applyFill="1" applyBorder="1" applyAlignment="1">
      <alignment vertical="center"/>
    </xf>
    <xf numFmtId="0" fontId="25" fillId="0" borderId="2" xfId="0" applyFont="1" applyFill="1" applyBorder="1" applyAlignment="1">
      <alignment horizontal="center" vertical="center"/>
    </xf>
    <xf numFmtId="0" fontId="25" fillId="0" borderId="3" xfId="0" applyFont="1" applyFill="1" applyBorder="1" applyAlignment="1">
      <alignment horizontal="left" vertical="center"/>
    </xf>
    <xf numFmtId="0" fontId="25" fillId="0" borderId="4" xfId="0" applyFont="1" applyFill="1" applyBorder="1" applyAlignment="1">
      <alignment horizontal="left" vertical="center"/>
    </xf>
    <xf numFmtId="0" fontId="25" fillId="0" borderId="5" xfId="0" applyFont="1" applyFill="1" applyBorder="1" applyAlignment="1">
      <alignment horizontal="left" vertical="center"/>
    </xf>
    <xf numFmtId="49" fontId="25" fillId="0" borderId="0" xfId="0" applyNumberFormat="1" applyFont="1" applyFill="1" applyAlignment="1">
      <alignment horizontal="right" vertical="center"/>
    </xf>
    <xf numFmtId="0" fontId="27" fillId="0" borderId="0" xfId="0" applyFont="1" applyFill="1" applyAlignment="1"/>
    <xf numFmtId="0" fontId="0" fillId="0" borderId="0" xfId="0" applyFont="1" applyFill="1" applyAlignment="1"/>
    <xf numFmtId="0" fontId="28" fillId="0" borderId="1" xfId="0" applyFont="1" applyFill="1" applyBorder="1" applyAlignment="1">
      <alignment vertical="center"/>
    </xf>
    <xf numFmtId="0" fontId="25" fillId="0" borderId="3" xfId="0" applyFont="1" applyFill="1" applyBorder="1" applyAlignment="1">
      <alignment horizontal="center" vertical="center" shrinkToFit="1"/>
    </xf>
    <xf numFmtId="0" fontId="25" fillId="0" borderId="4" xfId="0" applyFont="1" applyFill="1" applyBorder="1" applyAlignment="1">
      <alignment horizontal="center" vertical="center" shrinkToFit="1"/>
    </xf>
    <xf numFmtId="0" fontId="25" fillId="0" borderId="5" xfId="0" applyFont="1" applyFill="1" applyBorder="1" applyAlignment="1">
      <alignment horizontal="center" vertical="center" shrinkToFit="1"/>
    </xf>
    <xf numFmtId="0" fontId="25" fillId="0" borderId="3" xfId="0" applyFont="1" applyFill="1" applyBorder="1" applyAlignment="1">
      <alignment horizontal="center" vertical="center"/>
    </xf>
    <xf numFmtId="0" fontId="25" fillId="0" borderId="4" xfId="0" applyFont="1" applyFill="1" applyBorder="1" applyAlignment="1">
      <alignment horizontal="center" vertical="center"/>
    </xf>
    <xf numFmtId="0" fontId="25" fillId="0" borderId="5" xfId="0" applyFont="1" applyFill="1" applyBorder="1" applyAlignment="1">
      <alignment horizontal="center" vertical="center"/>
    </xf>
    <xf numFmtId="0" fontId="25" fillId="0" borderId="0" xfId="0" applyFont="1" applyFill="1" applyAlignment="1">
      <alignment vertical="center"/>
    </xf>
    <xf numFmtId="0" fontId="25" fillId="0" borderId="7" xfId="0" applyFont="1" applyFill="1" applyBorder="1" applyAlignment="1">
      <alignment horizontal="center" vertical="center" textRotation="255" shrinkToFit="1"/>
    </xf>
    <xf numFmtId="0" fontId="25" fillId="0" borderId="8" xfId="0" applyFont="1" applyFill="1" applyBorder="1" applyAlignment="1">
      <alignment horizontal="center" vertical="center" textRotation="255" shrinkToFit="1"/>
    </xf>
    <xf numFmtId="0" fontId="25" fillId="0" borderId="9" xfId="0" applyFont="1" applyFill="1" applyBorder="1" applyAlignment="1">
      <alignment horizontal="center" vertical="center" textRotation="255" shrinkToFit="1"/>
    </xf>
    <xf numFmtId="0" fontId="25" fillId="0" borderId="3" xfId="0" applyFont="1" applyFill="1" applyBorder="1" applyAlignment="1">
      <alignment horizontal="left" vertical="center" shrinkToFit="1"/>
    </xf>
    <xf numFmtId="0" fontId="25" fillId="0" borderId="4" xfId="0" applyFont="1" applyFill="1" applyBorder="1" applyAlignment="1">
      <alignment horizontal="left" vertical="center" shrinkToFit="1"/>
    </xf>
    <xf numFmtId="0" fontId="25" fillId="0" borderId="5" xfId="0" applyFont="1" applyFill="1" applyBorder="1" applyAlignment="1">
      <alignment horizontal="left" vertical="center" shrinkToFit="1"/>
    </xf>
    <xf numFmtId="0" fontId="25" fillId="0" borderId="7" xfId="0" applyFont="1" applyFill="1" applyBorder="1" applyAlignment="1">
      <alignment horizontal="center" vertical="center" textRotation="255"/>
    </xf>
    <xf numFmtId="0" fontId="25" fillId="0" borderId="8" xfId="0" applyFont="1" applyFill="1" applyBorder="1" applyAlignment="1">
      <alignment horizontal="center" vertical="center" textRotation="255"/>
    </xf>
    <xf numFmtId="0" fontId="25" fillId="0" borderId="9" xfId="0" applyFont="1" applyFill="1" applyBorder="1" applyAlignment="1">
      <alignment horizontal="center" vertical="center" textRotation="255"/>
    </xf>
    <xf numFmtId="0" fontId="25" fillId="0" borderId="0" xfId="41" applyFont="1" applyFill="1" applyAlignment="1">
      <alignment vertical="center"/>
    </xf>
    <xf numFmtId="0" fontId="25" fillId="0" borderId="0" xfId="0" applyFont="1" applyFill="1" applyAlignment="1">
      <alignment horizontal="center" vertical="center"/>
    </xf>
    <xf numFmtId="0" fontId="22" fillId="0" borderId="0" xfId="0" applyFont="1" applyFill="1" applyAlignment="1">
      <alignment horizontal="center" vertical="center"/>
    </xf>
    <xf numFmtId="0" fontId="25" fillId="0" borderId="0" xfId="0" applyFont="1" applyFill="1" applyBorder="1" applyAlignment="1">
      <alignment vertical="center"/>
    </xf>
    <xf numFmtId="0" fontId="25" fillId="0" borderId="0" xfId="0" applyFont="1" applyFill="1" applyBorder="1" applyAlignment="1">
      <alignment horizontal="lef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81"/>
  <sheetViews>
    <sheetView tabSelected="1" view="pageBreakPreview" topLeftCell="A91" zoomScaleNormal="100" zoomScaleSheetLayoutView="100" workbookViewId="0">
      <selection activeCell="H64" sqref="H64"/>
    </sheetView>
  </sheetViews>
  <sheetFormatPr defaultColWidth="9" defaultRowHeight="13"/>
  <cols>
    <col min="1" max="8" width="9" style="34"/>
    <col min="9" max="9" width="10" style="34" customWidth="1"/>
    <col min="10" max="16384" width="9" style="34"/>
  </cols>
  <sheetData>
    <row r="1" spans="1:10" s="1" customFormat="1" ht="19">
      <c r="A1" s="54" t="s">
        <v>126</v>
      </c>
      <c r="B1" s="54"/>
      <c r="C1" s="54"/>
      <c r="D1" s="54"/>
      <c r="E1" s="54"/>
      <c r="F1" s="54"/>
      <c r="G1" s="54"/>
      <c r="H1" s="54"/>
      <c r="I1" s="54"/>
      <c r="J1" s="54"/>
    </row>
    <row r="2" spans="1:10" s="1" customFormat="1" ht="18.75" customHeight="1">
      <c r="A2" s="2"/>
      <c r="H2" s="3"/>
      <c r="J2" s="4" t="s">
        <v>28</v>
      </c>
    </row>
    <row r="3" spans="1:10" s="17" customFormat="1" ht="14.25" customHeight="1">
      <c r="A3" s="5"/>
      <c r="J3" s="6" t="s">
        <v>86</v>
      </c>
    </row>
    <row r="4" spans="1:10" s="17" customFormat="1" ht="14.25" customHeight="1">
      <c r="A4" s="5"/>
      <c r="H4" s="5"/>
      <c r="J4" s="6"/>
    </row>
    <row r="5" spans="1:10" s="17" customFormat="1" ht="14.25" customHeight="1">
      <c r="A5" s="17" t="s">
        <v>1</v>
      </c>
      <c r="D5" s="7"/>
      <c r="E5" s="7"/>
      <c r="F5" s="7"/>
      <c r="G5" s="7"/>
      <c r="H5" s="7"/>
      <c r="I5" s="7"/>
    </row>
    <row r="6" spans="1:10" s="17" customFormat="1" ht="14.25" customHeight="1"/>
    <row r="7" spans="1:10" s="17" customFormat="1" ht="14.25" customHeight="1">
      <c r="A7" s="17" t="s">
        <v>2</v>
      </c>
      <c r="D7" s="7" t="s">
        <v>4</v>
      </c>
      <c r="E7" s="7"/>
      <c r="F7" s="7"/>
      <c r="G7" s="7"/>
      <c r="H7" s="7"/>
      <c r="I7" s="7"/>
    </row>
    <row r="8" spans="1:10" s="17" customFormat="1" ht="14.25" customHeight="1">
      <c r="D8" s="16"/>
      <c r="E8" s="16"/>
      <c r="F8" s="16"/>
      <c r="G8" s="16"/>
      <c r="H8" s="16"/>
      <c r="I8" s="16"/>
    </row>
    <row r="9" spans="1:10" s="17" customFormat="1" ht="14.25" customHeight="1">
      <c r="D9" s="7"/>
      <c r="E9" s="7"/>
      <c r="F9" s="7"/>
      <c r="G9" s="7"/>
      <c r="H9" s="7"/>
      <c r="I9" s="7"/>
    </row>
    <row r="10" spans="1:10" s="17" customFormat="1" ht="14.25" customHeight="1"/>
    <row r="11" spans="1:10" s="17" customFormat="1" ht="14.25" customHeight="1">
      <c r="A11" s="17" t="s">
        <v>0</v>
      </c>
      <c r="D11" s="7"/>
      <c r="E11" s="7"/>
      <c r="F11" s="7"/>
      <c r="G11" s="7"/>
      <c r="H11" s="7"/>
      <c r="I11" s="7"/>
    </row>
    <row r="12" spans="1:10" s="17" customFormat="1" ht="14.25" customHeight="1"/>
    <row r="13" spans="1:10" s="17" customFormat="1" ht="14.25" customHeight="1">
      <c r="A13" s="17" t="s">
        <v>3</v>
      </c>
      <c r="D13" s="7" t="s">
        <v>4</v>
      </c>
      <c r="E13" s="7"/>
      <c r="F13" s="7"/>
      <c r="G13" s="7"/>
      <c r="H13" s="7"/>
      <c r="I13" s="7"/>
    </row>
    <row r="14" spans="1:10" s="17" customFormat="1" ht="14.25" customHeight="1">
      <c r="D14" s="16"/>
      <c r="E14" s="16"/>
      <c r="F14" s="16"/>
      <c r="G14" s="16"/>
      <c r="H14" s="16"/>
      <c r="I14" s="16"/>
    </row>
    <row r="15" spans="1:10" s="17" customFormat="1" ht="14.25" customHeight="1">
      <c r="D15" s="7"/>
      <c r="E15" s="7"/>
      <c r="F15" s="7"/>
      <c r="G15" s="7"/>
      <c r="H15" s="7"/>
      <c r="I15" s="7"/>
    </row>
    <row r="16" spans="1:10" s="17" customFormat="1" ht="14.25" customHeight="1"/>
    <row r="17" spans="1:11" s="17" customFormat="1" ht="14.25" customHeight="1">
      <c r="D17" s="7" t="s">
        <v>5</v>
      </c>
      <c r="E17" s="7"/>
      <c r="F17" s="7"/>
      <c r="G17" s="7"/>
      <c r="H17" s="7"/>
      <c r="I17" s="7"/>
    </row>
    <row r="18" spans="1:11" s="17" customFormat="1" ht="14.25" customHeight="1">
      <c r="D18" s="8"/>
      <c r="E18" s="8"/>
      <c r="F18" s="8"/>
      <c r="G18" s="8"/>
      <c r="H18" s="8"/>
      <c r="I18" s="8"/>
    </row>
    <row r="19" spans="1:11" s="17" customFormat="1" ht="14.25" customHeight="1">
      <c r="D19" s="7" t="s">
        <v>6</v>
      </c>
      <c r="E19" s="7"/>
      <c r="F19" s="7"/>
      <c r="G19" s="7"/>
      <c r="H19" s="7"/>
      <c r="I19" s="7"/>
    </row>
    <row r="20" spans="1:11" s="17" customFormat="1" ht="14.25" customHeight="1"/>
    <row r="21" spans="1:11" s="9" customFormat="1" ht="14.25" customHeight="1">
      <c r="A21" s="17"/>
      <c r="B21" s="17"/>
      <c r="C21" s="17"/>
      <c r="D21" s="7" t="s">
        <v>101</v>
      </c>
      <c r="E21" s="7"/>
      <c r="F21" s="7"/>
      <c r="G21" s="7"/>
      <c r="H21" s="7"/>
      <c r="I21" s="7"/>
      <c r="J21" s="17"/>
      <c r="K21" s="17"/>
    </row>
    <row r="22" spans="1:11" s="10" customFormat="1" ht="14.25" customHeight="1">
      <c r="A22" s="16"/>
      <c r="B22" s="16"/>
      <c r="C22" s="16"/>
      <c r="D22" s="16"/>
      <c r="E22" s="16"/>
      <c r="F22" s="16"/>
      <c r="G22" s="16"/>
      <c r="H22" s="16"/>
      <c r="I22" s="16"/>
      <c r="J22" s="16"/>
      <c r="K22" s="16"/>
    </row>
    <row r="23" spans="1:11" s="10" customFormat="1" ht="14.25" customHeight="1">
      <c r="A23" s="16" t="s">
        <v>102</v>
      </c>
      <c r="B23" s="16"/>
      <c r="C23" s="16"/>
      <c r="D23" s="7"/>
      <c r="E23" s="7"/>
      <c r="F23" s="7"/>
      <c r="G23" s="7"/>
      <c r="H23" s="7"/>
      <c r="I23" s="7"/>
      <c r="J23" s="16"/>
      <c r="K23" s="16"/>
    </row>
    <row r="24" spans="1:11" s="17" customFormat="1" ht="14.25" customHeight="1"/>
    <row r="25" spans="1:11" s="17" customFormat="1" ht="14.25" customHeight="1">
      <c r="A25" s="17" t="s">
        <v>103</v>
      </c>
      <c r="D25" s="7"/>
      <c r="E25" s="7"/>
      <c r="F25" s="7"/>
      <c r="G25" s="35"/>
      <c r="H25" s="7"/>
      <c r="I25" s="7"/>
    </row>
    <row r="26" spans="1:11" s="17" customFormat="1" ht="14.25" customHeight="1">
      <c r="D26" s="16"/>
      <c r="E26" s="16"/>
      <c r="F26" s="16"/>
      <c r="G26" s="16"/>
      <c r="H26" s="16"/>
      <c r="I26" s="16"/>
    </row>
    <row r="27" spans="1:11" s="17" customFormat="1" ht="14.25" customHeight="1">
      <c r="G27" s="7" t="s">
        <v>7</v>
      </c>
      <c r="H27" s="7"/>
      <c r="I27" s="7"/>
    </row>
    <row r="28" spans="1:11" s="17" customFormat="1" ht="14.25" customHeight="1"/>
    <row r="29" spans="1:11" s="17" customFormat="1" ht="14.25" customHeight="1">
      <c r="A29" s="17" t="s">
        <v>104</v>
      </c>
      <c r="D29" s="7"/>
      <c r="E29" s="7"/>
      <c r="F29" s="7"/>
      <c r="G29" s="7" t="s">
        <v>7</v>
      </c>
      <c r="H29" s="7"/>
      <c r="I29" s="7"/>
    </row>
    <row r="30" spans="1:11" s="17" customFormat="1" ht="14.25" customHeight="1">
      <c r="A30" s="17" t="s">
        <v>8</v>
      </c>
      <c r="E30" s="16"/>
      <c r="F30" s="16"/>
      <c r="G30" s="16"/>
      <c r="H30" s="16"/>
      <c r="I30" s="16"/>
    </row>
    <row r="31" spans="1:11" s="17" customFormat="1" ht="14.25" customHeight="1"/>
    <row r="32" spans="1:11" s="17" customFormat="1" ht="14.25" customHeight="1">
      <c r="A32" s="17" t="s">
        <v>105</v>
      </c>
      <c r="D32" s="7"/>
      <c r="E32" s="17" t="s">
        <v>22</v>
      </c>
    </row>
    <row r="33" spans="1:10" s="17" customFormat="1" ht="14.25" customHeight="1">
      <c r="D33" s="16"/>
    </row>
    <row r="34" spans="1:10" s="17" customFormat="1" ht="14.25" customHeight="1">
      <c r="D34" s="16" t="s">
        <v>24</v>
      </c>
    </row>
    <row r="35" spans="1:10" s="17" customFormat="1" ht="14.25" customHeight="1">
      <c r="D35" s="16"/>
    </row>
    <row r="36" spans="1:10" s="17" customFormat="1" ht="14.25" customHeight="1">
      <c r="D36" s="16" t="s">
        <v>19</v>
      </c>
      <c r="E36" s="7"/>
      <c r="F36" s="11" t="s">
        <v>25</v>
      </c>
      <c r="G36" s="7" t="s">
        <v>23</v>
      </c>
      <c r="H36" s="12" t="s">
        <v>26</v>
      </c>
      <c r="I36" s="7" t="s">
        <v>23</v>
      </c>
      <c r="J36" s="17" t="s">
        <v>27</v>
      </c>
    </row>
    <row r="37" spans="1:10" s="17" customFormat="1" ht="14.25" customHeight="1">
      <c r="D37" s="16"/>
      <c r="E37" s="16"/>
      <c r="F37" s="12"/>
      <c r="G37" s="16"/>
      <c r="H37" s="12"/>
      <c r="I37" s="16"/>
    </row>
    <row r="38" spans="1:10" s="17" customFormat="1" ht="14.25" customHeight="1">
      <c r="D38" s="16" t="s">
        <v>20</v>
      </c>
      <c r="E38" s="7"/>
      <c r="F38" s="11" t="s">
        <v>25</v>
      </c>
      <c r="G38" s="7" t="s">
        <v>23</v>
      </c>
      <c r="H38" s="12" t="s">
        <v>26</v>
      </c>
      <c r="I38" s="7" t="s">
        <v>23</v>
      </c>
      <c r="J38" s="17" t="s">
        <v>27</v>
      </c>
    </row>
    <row r="39" spans="1:10" s="17" customFormat="1" ht="14.25" customHeight="1">
      <c r="E39" s="16"/>
      <c r="F39" s="12"/>
      <c r="G39" s="16"/>
      <c r="H39" s="12"/>
      <c r="I39" s="16"/>
    </row>
    <row r="40" spans="1:10" s="17" customFormat="1" ht="14.25" customHeight="1">
      <c r="D40" s="13" t="s">
        <v>21</v>
      </c>
      <c r="E40" s="7"/>
      <c r="F40" s="11" t="s">
        <v>25</v>
      </c>
      <c r="G40" s="7" t="s">
        <v>23</v>
      </c>
      <c r="H40" s="12" t="s">
        <v>26</v>
      </c>
      <c r="I40" s="7" t="s">
        <v>23</v>
      </c>
      <c r="J40" s="17" t="s">
        <v>27</v>
      </c>
    </row>
    <row r="41" spans="1:10" s="17" customFormat="1" ht="14.25" customHeight="1"/>
    <row r="42" spans="1:10" s="17" customFormat="1" ht="14.25" customHeight="1">
      <c r="A42" s="17" t="s">
        <v>106</v>
      </c>
      <c r="D42" s="17" t="s">
        <v>11</v>
      </c>
      <c r="F42" s="7"/>
      <c r="G42" s="16" t="s">
        <v>22</v>
      </c>
      <c r="H42" s="7"/>
      <c r="I42" s="16" t="s">
        <v>22</v>
      </c>
    </row>
    <row r="43" spans="1:10" s="17" customFormat="1" ht="14.25" customHeight="1"/>
    <row r="44" spans="1:10" s="17" customFormat="1" ht="14.25" customHeight="1">
      <c r="A44" s="17" t="s">
        <v>107</v>
      </c>
    </row>
    <row r="45" spans="1:10" s="17" customFormat="1" ht="14.25" customHeight="1"/>
    <row r="46" spans="1:10" s="17" customFormat="1" ht="14">
      <c r="A46" s="14"/>
      <c r="F46" s="53" t="s">
        <v>84</v>
      </c>
      <c r="G46" s="53"/>
      <c r="H46" s="53"/>
      <c r="I46" s="53"/>
      <c r="J46" s="53"/>
    </row>
    <row r="47" spans="1:10" s="17" customFormat="1" ht="14">
      <c r="A47" s="14"/>
      <c r="F47" s="15"/>
      <c r="G47" s="15"/>
      <c r="H47" s="15"/>
      <c r="I47" s="15"/>
      <c r="J47" s="15"/>
    </row>
    <row r="48" spans="1:10" s="17" customFormat="1" ht="14.25" customHeight="1">
      <c r="A48" s="17" t="s">
        <v>15</v>
      </c>
      <c r="G48" s="17" t="s">
        <v>9</v>
      </c>
      <c r="H48" s="17" t="s">
        <v>10</v>
      </c>
    </row>
    <row r="49" spans="1:256" s="17" customFormat="1" ht="14.25" customHeight="1"/>
    <row r="50" spans="1:256" s="17" customFormat="1" ht="14.25" customHeight="1">
      <c r="A50" s="17" t="s">
        <v>16</v>
      </c>
      <c r="G50" s="55" t="s">
        <v>74</v>
      </c>
      <c r="H50" s="55"/>
      <c r="I50" s="55"/>
      <c r="J50" s="16" t="s">
        <v>10</v>
      </c>
    </row>
    <row r="51" spans="1:256" s="17" customFormat="1" ht="14.25" customHeight="1">
      <c r="G51" s="16"/>
      <c r="J51" s="16"/>
    </row>
    <row r="52" spans="1:256" s="17" customFormat="1" ht="14.25" customHeight="1">
      <c r="A52" s="42" t="s">
        <v>17</v>
      </c>
      <c r="B52" s="42"/>
      <c r="C52" s="42"/>
      <c r="D52" s="42"/>
      <c r="E52" s="42"/>
      <c r="F52" s="42"/>
      <c r="G52" s="56" t="s">
        <v>12</v>
      </c>
      <c r="H52" s="56"/>
      <c r="I52" s="56"/>
      <c r="J52" s="16" t="s">
        <v>13</v>
      </c>
    </row>
    <row r="53" spans="1:256" s="17" customFormat="1" ht="14.25" customHeight="1">
      <c r="G53" s="16"/>
      <c r="J53" s="16"/>
    </row>
    <row r="54" spans="1:256" s="17" customFormat="1" ht="14.25" customHeight="1">
      <c r="A54" s="42" t="s">
        <v>18</v>
      </c>
      <c r="B54" s="42"/>
      <c r="C54" s="42"/>
      <c r="D54" s="42"/>
      <c r="E54" s="42"/>
      <c r="F54" s="42"/>
      <c r="G54" s="16" t="s">
        <v>14</v>
      </c>
      <c r="H54" s="16" t="s">
        <v>13</v>
      </c>
    </row>
    <row r="55" spans="1:256" s="17" customFormat="1" ht="14.25" customHeight="1">
      <c r="G55" s="16"/>
      <c r="J55" s="16"/>
    </row>
    <row r="56" spans="1:256" s="17" customFormat="1" ht="14">
      <c r="A56" s="52" t="s">
        <v>123</v>
      </c>
      <c r="B56" s="52"/>
      <c r="C56" s="52"/>
      <c r="D56" s="52"/>
      <c r="E56" s="52"/>
      <c r="F56" s="18"/>
      <c r="G56" s="18" t="s">
        <v>14</v>
      </c>
      <c r="H56" s="18" t="s">
        <v>13</v>
      </c>
      <c r="I56" s="18"/>
      <c r="K56" s="19"/>
      <c r="L56" s="19"/>
      <c r="M56" s="1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c r="AM56" s="19"/>
      <c r="AN56" s="19"/>
      <c r="AO56" s="19"/>
      <c r="AP56" s="19"/>
      <c r="AQ56" s="19"/>
      <c r="AR56" s="19"/>
      <c r="AS56" s="19"/>
      <c r="AT56" s="19"/>
      <c r="AU56" s="19"/>
      <c r="AV56" s="19"/>
      <c r="AW56" s="19"/>
      <c r="AX56" s="19"/>
      <c r="AY56" s="19"/>
      <c r="AZ56" s="19"/>
      <c r="BA56" s="19"/>
      <c r="BB56" s="19"/>
      <c r="BC56" s="19"/>
      <c r="BD56" s="19"/>
      <c r="BE56" s="19"/>
      <c r="BF56" s="19"/>
      <c r="BG56" s="19"/>
      <c r="BH56" s="19"/>
      <c r="BI56" s="19"/>
      <c r="BJ56" s="19"/>
      <c r="BK56" s="19"/>
      <c r="BL56" s="19"/>
      <c r="BM56" s="19"/>
      <c r="BN56" s="19"/>
      <c r="BO56" s="19"/>
      <c r="BP56" s="19"/>
      <c r="BQ56" s="19"/>
      <c r="BR56" s="19"/>
      <c r="BS56" s="19"/>
      <c r="BT56" s="19"/>
      <c r="BU56" s="19"/>
      <c r="BV56" s="19"/>
      <c r="BW56" s="19"/>
      <c r="BX56" s="19"/>
      <c r="BY56" s="19"/>
      <c r="BZ56" s="19"/>
      <c r="CA56" s="19"/>
      <c r="CB56" s="19"/>
      <c r="CC56" s="19"/>
      <c r="CD56" s="19"/>
      <c r="CE56" s="19"/>
      <c r="CF56" s="19"/>
      <c r="CG56" s="19"/>
      <c r="CH56" s="19"/>
      <c r="CI56" s="19"/>
      <c r="CJ56" s="19"/>
      <c r="CK56" s="19"/>
      <c r="CL56" s="19"/>
      <c r="CM56" s="19"/>
      <c r="CN56" s="19"/>
      <c r="CO56" s="19"/>
      <c r="CP56" s="19"/>
      <c r="CQ56" s="19"/>
      <c r="CR56" s="19"/>
      <c r="CS56" s="19"/>
      <c r="CT56" s="19"/>
      <c r="CU56" s="19"/>
      <c r="CV56" s="19"/>
      <c r="CW56" s="19"/>
      <c r="CX56" s="19"/>
      <c r="CY56" s="19"/>
      <c r="CZ56" s="19"/>
      <c r="DA56" s="19"/>
      <c r="DB56" s="19"/>
      <c r="DC56" s="19"/>
      <c r="DD56" s="19"/>
      <c r="DE56" s="19"/>
      <c r="DF56" s="19"/>
      <c r="DG56" s="19"/>
      <c r="DH56" s="19"/>
      <c r="DI56" s="19"/>
      <c r="DJ56" s="19"/>
      <c r="DK56" s="19"/>
      <c r="DL56" s="19"/>
      <c r="DM56" s="19"/>
      <c r="DN56" s="19"/>
      <c r="DO56" s="19"/>
      <c r="DP56" s="19"/>
      <c r="DQ56" s="19"/>
      <c r="DR56" s="19"/>
      <c r="DS56" s="19"/>
      <c r="DT56" s="19"/>
      <c r="DU56" s="19"/>
      <c r="DV56" s="19"/>
      <c r="DW56" s="19"/>
      <c r="DX56" s="19"/>
      <c r="DY56" s="19"/>
      <c r="DZ56" s="19"/>
      <c r="EA56" s="19"/>
      <c r="EB56" s="19"/>
      <c r="EC56" s="19"/>
      <c r="ED56" s="19"/>
      <c r="EE56" s="19"/>
      <c r="EF56" s="19"/>
      <c r="EG56" s="19"/>
      <c r="EH56" s="19"/>
      <c r="EI56" s="19"/>
      <c r="EJ56" s="19"/>
      <c r="EK56" s="19"/>
      <c r="EL56" s="19"/>
      <c r="EM56" s="19"/>
      <c r="EN56" s="19"/>
      <c r="EO56" s="19"/>
      <c r="EP56" s="19"/>
      <c r="EQ56" s="19"/>
      <c r="ER56" s="19"/>
      <c r="ES56" s="19"/>
      <c r="ET56" s="19"/>
      <c r="EU56" s="19"/>
      <c r="EV56" s="19"/>
      <c r="EW56" s="19"/>
      <c r="EX56" s="19"/>
      <c r="EY56" s="19"/>
      <c r="EZ56" s="19"/>
      <c r="FA56" s="19"/>
      <c r="FB56" s="19"/>
      <c r="FC56" s="19"/>
      <c r="FD56" s="19"/>
      <c r="FE56" s="19"/>
      <c r="FF56" s="19"/>
      <c r="FG56" s="19"/>
      <c r="FH56" s="19"/>
      <c r="FI56" s="19"/>
      <c r="FJ56" s="19"/>
      <c r="FK56" s="19"/>
      <c r="FL56" s="19"/>
      <c r="FM56" s="19"/>
      <c r="FN56" s="19"/>
      <c r="FO56" s="19"/>
      <c r="FP56" s="19"/>
      <c r="FQ56" s="19"/>
      <c r="FR56" s="19"/>
      <c r="FS56" s="19"/>
      <c r="FT56" s="19"/>
      <c r="FU56" s="19"/>
      <c r="FV56" s="19"/>
      <c r="FW56" s="19"/>
      <c r="FX56" s="19"/>
      <c r="FY56" s="19"/>
      <c r="FZ56" s="19"/>
      <c r="GA56" s="19"/>
      <c r="GB56" s="19"/>
      <c r="GC56" s="19"/>
      <c r="GD56" s="19"/>
      <c r="GE56" s="19"/>
      <c r="GF56" s="19"/>
      <c r="GG56" s="19"/>
      <c r="GH56" s="19"/>
      <c r="GI56" s="19"/>
      <c r="GJ56" s="19"/>
      <c r="GK56" s="19"/>
      <c r="GL56" s="19"/>
      <c r="GM56" s="19"/>
      <c r="GN56" s="19"/>
      <c r="GO56" s="19"/>
      <c r="GP56" s="19"/>
      <c r="GQ56" s="19"/>
      <c r="GR56" s="19"/>
      <c r="GS56" s="19"/>
      <c r="GT56" s="19"/>
      <c r="GU56" s="19"/>
      <c r="GV56" s="19"/>
      <c r="GW56" s="19"/>
      <c r="GX56" s="19"/>
      <c r="GY56" s="19"/>
      <c r="GZ56" s="19"/>
      <c r="HA56" s="19"/>
      <c r="HB56" s="19"/>
      <c r="HC56" s="19"/>
      <c r="HD56" s="19"/>
      <c r="HE56" s="19"/>
      <c r="HF56" s="19"/>
      <c r="HG56" s="19"/>
      <c r="HH56" s="19"/>
      <c r="HI56" s="19"/>
      <c r="HJ56" s="19"/>
      <c r="HK56" s="19"/>
      <c r="HL56" s="19"/>
      <c r="HM56" s="19"/>
      <c r="HN56" s="19"/>
      <c r="HO56" s="19"/>
      <c r="HP56" s="19"/>
      <c r="HQ56" s="19"/>
      <c r="HR56" s="19"/>
      <c r="HS56" s="19"/>
      <c r="HT56" s="19"/>
      <c r="HU56" s="19"/>
      <c r="HV56" s="19"/>
      <c r="HW56" s="19"/>
      <c r="HX56" s="19"/>
      <c r="HY56" s="19"/>
      <c r="HZ56" s="19"/>
      <c r="IA56" s="19"/>
      <c r="IB56" s="19"/>
      <c r="IC56" s="19"/>
      <c r="ID56" s="19"/>
      <c r="IE56" s="19"/>
      <c r="IF56" s="19"/>
      <c r="IG56" s="19"/>
      <c r="IH56" s="19"/>
      <c r="II56" s="19"/>
      <c r="IJ56" s="19"/>
      <c r="IK56" s="19"/>
      <c r="IL56" s="19"/>
      <c r="IM56" s="19"/>
      <c r="IN56" s="19"/>
      <c r="IO56" s="19"/>
      <c r="IP56" s="19"/>
      <c r="IQ56" s="19"/>
      <c r="IR56" s="19"/>
      <c r="IS56" s="19"/>
      <c r="IT56" s="19"/>
      <c r="IU56" s="19"/>
      <c r="IV56" s="19"/>
    </row>
    <row r="57" spans="1:256" s="17" customFormat="1" ht="14.25" customHeight="1">
      <c r="G57" s="16"/>
      <c r="J57" s="16"/>
    </row>
    <row r="58" spans="1:256" s="17" customFormat="1" ht="14">
      <c r="A58" s="52" t="s">
        <v>124</v>
      </c>
      <c r="B58" s="52"/>
      <c r="C58" s="52"/>
      <c r="D58" s="52"/>
      <c r="E58" s="52"/>
      <c r="F58" s="18"/>
      <c r="G58" s="18" t="s">
        <v>129</v>
      </c>
      <c r="H58" s="18"/>
      <c r="I58" s="18"/>
      <c r="J58" s="18" t="s">
        <v>13</v>
      </c>
      <c r="K58" s="19"/>
      <c r="L58" s="19"/>
      <c r="M58" s="19"/>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c r="AM58" s="19"/>
      <c r="AN58" s="19"/>
      <c r="AO58" s="19"/>
      <c r="AP58" s="19"/>
      <c r="AQ58" s="19"/>
      <c r="AR58" s="19"/>
      <c r="AS58" s="19"/>
      <c r="AT58" s="19"/>
      <c r="AU58" s="19"/>
      <c r="AV58" s="19"/>
      <c r="AW58" s="19"/>
      <c r="AX58" s="19"/>
      <c r="AY58" s="19"/>
      <c r="AZ58" s="19"/>
      <c r="BA58" s="19"/>
      <c r="BB58" s="19"/>
      <c r="BC58" s="19"/>
      <c r="BD58" s="19"/>
      <c r="BE58" s="19"/>
      <c r="BF58" s="19"/>
      <c r="BG58" s="19"/>
      <c r="BH58" s="19"/>
      <c r="BI58" s="19"/>
      <c r="BJ58" s="19"/>
      <c r="BK58" s="19"/>
      <c r="BL58" s="19"/>
      <c r="BM58" s="19"/>
      <c r="BN58" s="19"/>
      <c r="BO58" s="19"/>
      <c r="BP58" s="19"/>
      <c r="BQ58" s="19"/>
      <c r="BR58" s="19"/>
      <c r="BS58" s="19"/>
      <c r="BT58" s="19"/>
      <c r="BU58" s="19"/>
      <c r="BV58" s="19"/>
      <c r="BW58" s="19"/>
      <c r="BX58" s="19"/>
      <c r="BY58" s="19"/>
      <c r="BZ58" s="19"/>
      <c r="CA58" s="19"/>
      <c r="CB58" s="19"/>
      <c r="CC58" s="19"/>
      <c r="CD58" s="19"/>
      <c r="CE58" s="19"/>
      <c r="CF58" s="19"/>
      <c r="CG58" s="19"/>
      <c r="CH58" s="19"/>
      <c r="CI58" s="19"/>
      <c r="CJ58" s="19"/>
      <c r="CK58" s="19"/>
      <c r="CL58" s="19"/>
      <c r="CM58" s="19"/>
      <c r="CN58" s="19"/>
      <c r="CO58" s="19"/>
      <c r="CP58" s="19"/>
      <c r="CQ58" s="19"/>
      <c r="CR58" s="19"/>
      <c r="CS58" s="19"/>
      <c r="CT58" s="19"/>
      <c r="CU58" s="19"/>
      <c r="CV58" s="19"/>
      <c r="CW58" s="19"/>
      <c r="CX58" s="19"/>
      <c r="CY58" s="19"/>
      <c r="CZ58" s="19"/>
      <c r="DA58" s="19"/>
      <c r="DB58" s="19"/>
      <c r="DC58" s="19"/>
      <c r="DD58" s="19"/>
      <c r="DE58" s="19"/>
      <c r="DF58" s="19"/>
      <c r="DG58" s="19"/>
      <c r="DH58" s="19"/>
      <c r="DI58" s="19"/>
      <c r="DJ58" s="19"/>
      <c r="DK58" s="19"/>
      <c r="DL58" s="19"/>
      <c r="DM58" s="19"/>
      <c r="DN58" s="19"/>
      <c r="DO58" s="19"/>
      <c r="DP58" s="19"/>
      <c r="DQ58" s="19"/>
      <c r="DR58" s="19"/>
      <c r="DS58" s="19"/>
      <c r="DT58" s="19"/>
      <c r="DU58" s="19"/>
      <c r="DV58" s="19"/>
      <c r="DW58" s="19"/>
      <c r="DX58" s="19"/>
      <c r="DY58" s="19"/>
      <c r="DZ58" s="19"/>
      <c r="EA58" s="19"/>
      <c r="EB58" s="19"/>
      <c r="EC58" s="19"/>
      <c r="ED58" s="19"/>
      <c r="EE58" s="19"/>
      <c r="EF58" s="19"/>
      <c r="EG58" s="19"/>
      <c r="EH58" s="19"/>
      <c r="EI58" s="19"/>
      <c r="EJ58" s="19"/>
      <c r="EK58" s="19"/>
      <c r="EL58" s="19"/>
      <c r="EM58" s="19"/>
      <c r="EN58" s="19"/>
      <c r="EO58" s="19"/>
      <c r="EP58" s="19"/>
      <c r="EQ58" s="19"/>
      <c r="ER58" s="19"/>
      <c r="ES58" s="19"/>
      <c r="ET58" s="19"/>
      <c r="EU58" s="19"/>
      <c r="EV58" s="19"/>
      <c r="EW58" s="19"/>
      <c r="EX58" s="19"/>
      <c r="EY58" s="19"/>
      <c r="EZ58" s="19"/>
      <c r="FA58" s="19"/>
      <c r="FB58" s="19"/>
      <c r="FC58" s="19"/>
      <c r="FD58" s="19"/>
      <c r="FE58" s="19"/>
      <c r="FF58" s="19"/>
      <c r="FG58" s="19"/>
      <c r="FH58" s="19"/>
      <c r="FI58" s="19"/>
      <c r="FJ58" s="19"/>
      <c r="FK58" s="19"/>
      <c r="FL58" s="19"/>
      <c r="FM58" s="19"/>
      <c r="FN58" s="19"/>
      <c r="FO58" s="19"/>
      <c r="FP58" s="19"/>
      <c r="FQ58" s="19"/>
      <c r="FR58" s="19"/>
      <c r="FS58" s="19"/>
      <c r="FT58" s="19"/>
      <c r="FU58" s="19"/>
      <c r="FV58" s="19"/>
      <c r="FW58" s="19"/>
      <c r="FX58" s="19"/>
      <c r="FY58" s="19"/>
      <c r="FZ58" s="19"/>
      <c r="GA58" s="19"/>
      <c r="GB58" s="19"/>
      <c r="GC58" s="19"/>
      <c r="GD58" s="19"/>
      <c r="GE58" s="19"/>
      <c r="GF58" s="19"/>
      <c r="GG58" s="19"/>
      <c r="GH58" s="19"/>
      <c r="GI58" s="19"/>
      <c r="GJ58" s="19"/>
      <c r="GK58" s="19"/>
      <c r="GL58" s="19"/>
      <c r="GM58" s="19"/>
      <c r="GN58" s="19"/>
      <c r="GO58" s="19"/>
      <c r="GP58" s="19"/>
      <c r="GQ58" s="19"/>
      <c r="GR58" s="19"/>
      <c r="GS58" s="19"/>
      <c r="GT58" s="19"/>
      <c r="GU58" s="19"/>
      <c r="GV58" s="19"/>
      <c r="GW58" s="19"/>
      <c r="GX58" s="19"/>
      <c r="GY58" s="19"/>
      <c r="GZ58" s="19"/>
      <c r="HA58" s="19"/>
      <c r="HB58" s="19"/>
      <c r="HC58" s="19"/>
      <c r="HD58" s="19"/>
      <c r="HE58" s="19"/>
      <c r="HF58" s="19"/>
      <c r="HG58" s="19"/>
      <c r="HH58" s="19"/>
      <c r="HI58" s="19"/>
      <c r="HJ58" s="19"/>
      <c r="HK58" s="19"/>
      <c r="HL58" s="19"/>
      <c r="HM58" s="19"/>
      <c r="HN58" s="19"/>
      <c r="HO58" s="19"/>
      <c r="HP58" s="19"/>
      <c r="HQ58" s="19"/>
      <c r="HR58" s="19"/>
      <c r="HS58" s="19"/>
      <c r="HT58" s="19"/>
      <c r="HU58" s="19"/>
      <c r="HV58" s="19"/>
      <c r="HW58" s="19"/>
      <c r="HX58" s="19"/>
      <c r="HY58" s="19"/>
      <c r="HZ58" s="19"/>
      <c r="IA58" s="19"/>
      <c r="IB58" s="19"/>
      <c r="IC58" s="19"/>
      <c r="ID58" s="19"/>
      <c r="IE58" s="19"/>
      <c r="IF58" s="19"/>
      <c r="IG58" s="19"/>
      <c r="IH58" s="19"/>
      <c r="II58" s="19"/>
      <c r="IJ58" s="19"/>
      <c r="IK58" s="19"/>
      <c r="IL58" s="19"/>
      <c r="IM58" s="19"/>
      <c r="IN58" s="19"/>
      <c r="IO58" s="19"/>
      <c r="IP58" s="19"/>
      <c r="IQ58" s="19"/>
      <c r="IR58" s="19"/>
      <c r="IS58" s="19"/>
      <c r="IT58" s="19"/>
      <c r="IU58" s="19"/>
      <c r="IV58" s="19"/>
    </row>
    <row r="59" spans="1:256" s="17" customFormat="1" ht="14">
      <c r="G59" s="16"/>
      <c r="H59" s="16"/>
    </row>
    <row r="60" spans="1:256" s="17" customFormat="1" ht="14.25" customHeight="1">
      <c r="G60" s="16"/>
      <c r="J60" s="16"/>
    </row>
    <row r="61" spans="1:256" s="17" customFormat="1" ht="14">
      <c r="A61" s="14" t="s">
        <v>108</v>
      </c>
    </row>
    <row r="62" spans="1:256" s="17" customFormat="1" ht="14.25" customHeight="1">
      <c r="G62" s="16"/>
      <c r="J62" s="16"/>
    </row>
    <row r="63" spans="1:256" s="17" customFormat="1" ht="14.25" customHeight="1">
      <c r="A63" s="17" t="s">
        <v>31</v>
      </c>
      <c r="G63" s="16" t="s">
        <v>14</v>
      </c>
      <c r="H63" s="16" t="s">
        <v>13</v>
      </c>
      <c r="J63" s="16"/>
    </row>
    <row r="64" spans="1:256" s="17" customFormat="1" ht="14.25" customHeight="1">
      <c r="A64" s="17" t="s">
        <v>32</v>
      </c>
      <c r="J64" s="16"/>
    </row>
    <row r="65" spans="1:10" s="17" customFormat="1" ht="14.25" customHeight="1">
      <c r="J65" s="16"/>
    </row>
    <row r="66" spans="1:10" s="17" customFormat="1" ht="14.25" customHeight="1">
      <c r="A66" s="17" t="s">
        <v>121</v>
      </c>
      <c r="G66" s="16" t="s">
        <v>14</v>
      </c>
      <c r="H66" s="16" t="s">
        <v>13</v>
      </c>
      <c r="J66" s="16"/>
    </row>
    <row r="67" spans="1:10" s="17" customFormat="1" ht="14.25" customHeight="1">
      <c r="A67" s="17" t="s">
        <v>120</v>
      </c>
      <c r="J67" s="16"/>
    </row>
    <row r="68" spans="1:10" s="17" customFormat="1" ht="14.25" customHeight="1">
      <c r="J68" s="16"/>
    </row>
    <row r="69" spans="1:10" s="17" customFormat="1" ht="14.25" customHeight="1">
      <c r="A69" s="17" t="s">
        <v>33</v>
      </c>
      <c r="G69" s="17" t="s">
        <v>14</v>
      </c>
      <c r="H69" s="17" t="s">
        <v>13</v>
      </c>
      <c r="J69" s="16"/>
    </row>
    <row r="70" spans="1:10" s="17" customFormat="1" ht="14.25" customHeight="1">
      <c r="A70" s="17" t="s">
        <v>34</v>
      </c>
      <c r="J70" s="16"/>
    </row>
    <row r="71" spans="1:10" s="17" customFormat="1" ht="14.25" customHeight="1">
      <c r="J71" s="16"/>
    </row>
    <row r="72" spans="1:10" s="17" customFormat="1" ht="14.25" customHeight="1">
      <c r="A72" s="17" t="s">
        <v>35</v>
      </c>
      <c r="G72" s="17" t="s">
        <v>14</v>
      </c>
      <c r="H72" s="17" t="s">
        <v>13</v>
      </c>
      <c r="J72" s="16"/>
    </row>
    <row r="73" spans="1:10" s="17" customFormat="1" ht="14.25" customHeight="1">
      <c r="A73" s="17" t="s">
        <v>36</v>
      </c>
      <c r="J73" s="16"/>
    </row>
    <row r="74" spans="1:10" s="17" customFormat="1" ht="14.25" customHeight="1">
      <c r="J74" s="16"/>
    </row>
    <row r="75" spans="1:10" s="17" customFormat="1" ht="14.25" customHeight="1">
      <c r="A75" s="17" t="s">
        <v>133</v>
      </c>
      <c r="G75" s="17" t="s">
        <v>14</v>
      </c>
      <c r="H75" s="17" t="s">
        <v>13</v>
      </c>
      <c r="J75" s="16"/>
    </row>
    <row r="76" spans="1:10" s="17" customFormat="1" ht="14.25" customHeight="1">
      <c r="J76" s="16"/>
    </row>
    <row r="77" spans="1:10" s="17" customFormat="1" ht="14">
      <c r="A77" s="17" t="s">
        <v>130</v>
      </c>
      <c r="G77" s="16" t="s">
        <v>14</v>
      </c>
      <c r="H77" s="16" t="s">
        <v>13</v>
      </c>
    </row>
    <row r="78" spans="1:10" s="17" customFormat="1" ht="14">
      <c r="G78" s="16"/>
      <c r="H78" s="16"/>
    </row>
    <row r="79" spans="1:10" s="17" customFormat="1" ht="14">
      <c r="A79" s="17" t="s">
        <v>125</v>
      </c>
      <c r="G79" s="16" t="s">
        <v>14</v>
      </c>
      <c r="H79" s="16" t="s">
        <v>13</v>
      </c>
    </row>
    <row r="80" spans="1:10" s="17" customFormat="1" ht="14">
      <c r="G80" s="16"/>
      <c r="H80" s="16"/>
    </row>
    <row r="81" spans="1:10" s="17" customFormat="1" ht="14">
      <c r="A81" s="17" t="s">
        <v>122</v>
      </c>
      <c r="G81" s="16" t="s">
        <v>14</v>
      </c>
      <c r="H81" s="16" t="s">
        <v>13</v>
      </c>
    </row>
    <row r="82" spans="1:10" s="17" customFormat="1" ht="14.25" customHeight="1">
      <c r="J82" s="16"/>
    </row>
    <row r="83" spans="1:10" s="17" customFormat="1" ht="14.25" customHeight="1">
      <c r="A83" s="17" t="s">
        <v>131</v>
      </c>
      <c r="G83" s="16"/>
      <c r="H83" s="16"/>
    </row>
    <row r="84" spans="1:10" s="17" customFormat="1" ht="14.25" customHeight="1">
      <c r="A84" s="17" t="s">
        <v>30</v>
      </c>
      <c r="G84" s="16"/>
      <c r="H84" s="16"/>
    </row>
    <row r="85" spans="1:10" s="17" customFormat="1" ht="14.25" customHeight="1">
      <c r="G85" s="16"/>
      <c r="H85" s="16"/>
    </row>
    <row r="86" spans="1:10" s="17" customFormat="1" ht="14.25" customHeight="1">
      <c r="B86" s="20" t="s">
        <v>37</v>
      </c>
      <c r="C86" s="20" t="s">
        <v>37</v>
      </c>
      <c r="D86" s="20" t="s">
        <v>37</v>
      </c>
      <c r="E86" s="20" t="s">
        <v>37</v>
      </c>
      <c r="F86" s="20" t="s">
        <v>37</v>
      </c>
      <c r="G86" s="20" t="s">
        <v>37</v>
      </c>
      <c r="H86" s="16"/>
    </row>
    <row r="87" spans="1:10" s="17" customFormat="1" ht="14.25" customHeight="1">
      <c r="B87" s="20" t="s">
        <v>29</v>
      </c>
      <c r="C87" s="20" t="s">
        <v>29</v>
      </c>
      <c r="D87" s="20" t="s">
        <v>29</v>
      </c>
      <c r="E87" s="20" t="s">
        <v>29</v>
      </c>
      <c r="F87" s="20" t="s">
        <v>29</v>
      </c>
      <c r="G87" s="20" t="s">
        <v>29</v>
      </c>
      <c r="H87" s="16"/>
    </row>
    <row r="88" spans="1:10" s="17" customFormat="1" ht="14.25" customHeight="1">
      <c r="B88" s="20" t="s">
        <v>37</v>
      </c>
      <c r="C88" s="20" t="s">
        <v>37</v>
      </c>
      <c r="D88" s="20" t="s">
        <v>37</v>
      </c>
      <c r="E88" s="20" t="s">
        <v>37</v>
      </c>
      <c r="F88" s="20" t="s">
        <v>37</v>
      </c>
      <c r="G88" s="20" t="s">
        <v>37</v>
      </c>
      <c r="H88" s="16"/>
    </row>
    <row r="89" spans="1:10" s="17" customFormat="1" ht="14.25" customHeight="1">
      <c r="B89" s="20" t="s">
        <v>29</v>
      </c>
      <c r="C89" s="20" t="s">
        <v>29</v>
      </c>
      <c r="D89" s="20" t="s">
        <v>29</v>
      </c>
      <c r="E89" s="20" t="s">
        <v>29</v>
      </c>
      <c r="F89" s="20" t="s">
        <v>29</v>
      </c>
      <c r="G89" s="20" t="s">
        <v>29</v>
      </c>
      <c r="H89" s="16"/>
    </row>
    <row r="90" spans="1:10" s="17" customFormat="1" ht="14.25" customHeight="1">
      <c r="B90" s="13"/>
      <c r="C90" s="13"/>
      <c r="D90" s="13"/>
      <c r="E90" s="13"/>
      <c r="F90" s="13"/>
      <c r="G90" s="13"/>
      <c r="H90" s="16"/>
    </row>
    <row r="91" spans="1:10" s="17" customFormat="1" ht="14.25" customHeight="1">
      <c r="B91" s="13"/>
      <c r="C91" s="13"/>
      <c r="D91" s="13"/>
      <c r="E91" s="13"/>
      <c r="F91" s="13"/>
      <c r="G91" s="13"/>
      <c r="H91" s="16"/>
    </row>
    <row r="92" spans="1:10" s="17" customFormat="1" ht="14.25" customHeight="1">
      <c r="A92" s="17" t="s">
        <v>132</v>
      </c>
      <c r="G92" s="16"/>
      <c r="H92" s="16"/>
    </row>
    <row r="93" spans="1:10" s="17" customFormat="1" ht="14.25" customHeight="1">
      <c r="A93" s="42" t="s">
        <v>38</v>
      </c>
      <c r="B93" s="42"/>
      <c r="C93" s="42"/>
      <c r="D93" s="42"/>
      <c r="E93" s="42"/>
      <c r="F93" s="42"/>
      <c r="G93" s="42"/>
      <c r="H93" s="42"/>
    </row>
    <row r="94" spans="1:10" s="17" customFormat="1" ht="14.25" customHeight="1">
      <c r="G94" s="16"/>
      <c r="H94" s="16"/>
    </row>
    <row r="95" spans="1:10" s="17" customFormat="1" ht="14.25" customHeight="1">
      <c r="B95" s="21" t="s">
        <v>39</v>
      </c>
      <c r="C95" s="21" t="s">
        <v>39</v>
      </c>
      <c r="D95" s="21" t="s">
        <v>39</v>
      </c>
      <c r="E95" s="21" t="s">
        <v>39</v>
      </c>
      <c r="F95" s="21" t="s">
        <v>39</v>
      </c>
      <c r="G95" s="21" t="s">
        <v>39</v>
      </c>
    </row>
    <row r="96" spans="1:10" s="17" customFormat="1" ht="14.25" customHeight="1">
      <c r="B96" s="22" t="s">
        <v>40</v>
      </c>
      <c r="C96" s="22" t="s">
        <v>40</v>
      </c>
      <c r="D96" s="22" t="s">
        <v>40</v>
      </c>
      <c r="E96" s="22" t="s">
        <v>40</v>
      </c>
      <c r="F96" s="22" t="s">
        <v>40</v>
      </c>
      <c r="G96" s="22" t="s">
        <v>40</v>
      </c>
    </row>
    <row r="97" spans="1:8" s="17" customFormat="1" ht="14.25" customHeight="1">
      <c r="B97" s="22" t="s">
        <v>41</v>
      </c>
      <c r="C97" s="22" t="s">
        <v>41</v>
      </c>
      <c r="D97" s="22" t="s">
        <v>41</v>
      </c>
      <c r="E97" s="22" t="s">
        <v>41</v>
      </c>
      <c r="F97" s="22" t="s">
        <v>41</v>
      </c>
      <c r="G97" s="22" t="s">
        <v>41</v>
      </c>
    </row>
    <row r="98" spans="1:8" s="17" customFormat="1" ht="14.25" customHeight="1">
      <c r="B98" s="21" t="s">
        <v>39</v>
      </c>
      <c r="C98" s="21" t="s">
        <v>39</v>
      </c>
      <c r="D98" s="21" t="s">
        <v>39</v>
      </c>
      <c r="E98" s="21" t="s">
        <v>39</v>
      </c>
      <c r="F98" s="21" t="s">
        <v>39</v>
      </c>
      <c r="G98" s="21" t="s">
        <v>39</v>
      </c>
    </row>
    <row r="99" spans="1:8" s="17" customFormat="1" ht="14.25" customHeight="1">
      <c r="B99" s="22" t="s">
        <v>40</v>
      </c>
      <c r="C99" s="22" t="s">
        <v>40</v>
      </c>
      <c r="D99" s="22" t="s">
        <v>40</v>
      </c>
      <c r="E99" s="22" t="s">
        <v>40</v>
      </c>
      <c r="F99" s="22" t="s">
        <v>40</v>
      </c>
      <c r="G99" s="22" t="s">
        <v>40</v>
      </c>
    </row>
    <row r="100" spans="1:8" s="17" customFormat="1" ht="14.25" customHeight="1">
      <c r="B100" s="22" t="s">
        <v>41</v>
      </c>
      <c r="C100" s="22" t="s">
        <v>41</v>
      </c>
      <c r="D100" s="22" t="s">
        <v>41</v>
      </c>
      <c r="E100" s="22" t="s">
        <v>41</v>
      </c>
      <c r="F100" s="22" t="s">
        <v>41</v>
      </c>
      <c r="G100" s="22" t="s">
        <v>41</v>
      </c>
    </row>
    <row r="101" spans="1:8" s="17" customFormat="1" ht="14.25" customHeight="1"/>
    <row r="102" spans="1:8" s="17" customFormat="1" ht="14.25" customHeight="1">
      <c r="A102" s="17" t="s">
        <v>109</v>
      </c>
    </row>
    <row r="103" spans="1:8" s="17" customFormat="1" ht="14.25" customHeight="1"/>
    <row r="104" spans="1:8" s="17" customFormat="1" ht="14.25" customHeight="1">
      <c r="G104" s="7"/>
      <c r="H104" s="17" t="s">
        <v>42</v>
      </c>
    </row>
    <row r="105" spans="1:8" s="17" customFormat="1" ht="14.25" customHeight="1"/>
    <row r="106" spans="1:8" s="17" customFormat="1" ht="14.25" customHeight="1">
      <c r="G106" s="7"/>
      <c r="H106" s="17" t="s">
        <v>42</v>
      </c>
    </row>
    <row r="107" spans="1:8" s="17" customFormat="1" ht="14.25" customHeight="1"/>
    <row r="108" spans="1:8" s="17" customFormat="1" ht="14.25" customHeight="1">
      <c r="A108" s="17" t="s">
        <v>110</v>
      </c>
    </row>
    <row r="109" spans="1:8" s="17" customFormat="1" ht="14.25" customHeight="1">
      <c r="A109" s="17" t="s">
        <v>43</v>
      </c>
    </row>
    <row r="110" spans="1:8" s="17" customFormat="1" ht="14.25" customHeight="1">
      <c r="A110" s="17" t="s">
        <v>44</v>
      </c>
    </row>
    <row r="111" spans="1:8" s="17" customFormat="1" ht="14.25" customHeight="1"/>
    <row r="112" spans="1:8" s="17" customFormat="1" ht="14.25" customHeight="1">
      <c r="E112" s="17" t="s">
        <v>45</v>
      </c>
      <c r="G112" s="16" t="s">
        <v>46</v>
      </c>
    </row>
    <row r="113" spans="1:9" s="17" customFormat="1" ht="14.25" customHeight="1"/>
    <row r="114" spans="1:9" s="17" customFormat="1" ht="14.25" customHeight="1">
      <c r="A114" s="17" t="s">
        <v>75</v>
      </c>
    </row>
    <row r="115" spans="1:9" s="17" customFormat="1" ht="14.25" customHeight="1">
      <c r="A115" s="23" t="s">
        <v>76</v>
      </c>
    </row>
    <row r="116" spans="1:9" s="17" customFormat="1" ht="14.25" customHeight="1">
      <c r="A116" s="17" t="s">
        <v>77</v>
      </c>
      <c r="B116" s="16"/>
      <c r="D116" s="16"/>
    </row>
    <row r="117" spans="1:9" s="17" customFormat="1" ht="14.25" customHeight="1"/>
    <row r="118" spans="1:9" s="17" customFormat="1" ht="14.25" customHeight="1">
      <c r="B118" s="39" t="s">
        <v>47</v>
      </c>
      <c r="C118" s="40"/>
      <c r="D118" s="40"/>
      <c r="E118" s="41"/>
      <c r="F118" s="24" t="s">
        <v>48</v>
      </c>
      <c r="G118" s="39" t="s">
        <v>49</v>
      </c>
      <c r="H118" s="40"/>
      <c r="I118" s="41"/>
    </row>
    <row r="119" spans="1:9" s="17" customFormat="1" ht="14.25" customHeight="1">
      <c r="B119" s="43" t="s">
        <v>50</v>
      </c>
      <c r="C119" s="25" t="s">
        <v>51</v>
      </c>
      <c r="D119" s="26"/>
      <c r="E119" s="27"/>
      <c r="F119" s="28" t="s">
        <v>52</v>
      </c>
      <c r="G119" s="25" t="s">
        <v>53</v>
      </c>
      <c r="H119" s="26"/>
      <c r="I119" s="27"/>
    </row>
    <row r="120" spans="1:9" s="17" customFormat="1" ht="14.25" customHeight="1">
      <c r="B120" s="44"/>
      <c r="C120" s="25" t="s">
        <v>54</v>
      </c>
      <c r="D120" s="26"/>
      <c r="E120" s="27"/>
      <c r="F120" s="28" t="s">
        <v>52</v>
      </c>
      <c r="G120" s="25" t="s">
        <v>53</v>
      </c>
      <c r="H120" s="26"/>
      <c r="I120" s="27"/>
    </row>
    <row r="121" spans="1:9" s="17" customFormat="1" ht="14.25" customHeight="1">
      <c r="B121" s="44"/>
      <c r="C121" s="46" t="s">
        <v>55</v>
      </c>
      <c r="D121" s="47"/>
      <c r="E121" s="48"/>
      <c r="F121" s="28" t="s">
        <v>52</v>
      </c>
      <c r="G121" s="25" t="s">
        <v>56</v>
      </c>
      <c r="H121" s="26"/>
      <c r="I121" s="27"/>
    </row>
    <row r="122" spans="1:9" s="17" customFormat="1" ht="14.25" customHeight="1">
      <c r="B122" s="45"/>
      <c r="C122" s="46" t="s">
        <v>73</v>
      </c>
      <c r="D122" s="47"/>
      <c r="E122" s="48"/>
      <c r="F122" s="28" t="s">
        <v>52</v>
      </c>
      <c r="G122" s="25" t="s">
        <v>53</v>
      </c>
      <c r="H122" s="26"/>
      <c r="I122" s="27"/>
    </row>
    <row r="123" spans="1:9" s="17" customFormat="1" ht="14.25" customHeight="1">
      <c r="B123" s="49" t="s">
        <v>57</v>
      </c>
      <c r="C123" s="29" t="s">
        <v>58</v>
      </c>
      <c r="D123" s="30"/>
      <c r="E123" s="31"/>
      <c r="F123" s="28" t="s">
        <v>52</v>
      </c>
      <c r="G123" s="25" t="s">
        <v>53</v>
      </c>
      <c r="H123" s="26"/>
      <c r="I123" s="27"/>
    </row>
    <row r="124" spans="1:9" s="17" customFormat="1" ht="14.25" customHeight="1">
      <c r="B124" s="50"/>
      <c r="C124" s="29" t="s">
        <v>59</v>
      </c>
      <c r="D124" s="30"/>
      <c r="E124" s="31"/>
      <c r="F124" s="28" t="s">
        <v>52</v>
      </c>
      <c r="G124" s="25" t="s">
        <v>53</v>
      </c>
      <c r="H124" s="26"/>
      <c r="I124" s="27"/>
    </row>
    <row r="125" spans="1:9" s="17" customFormat="1" ht="14.25" customHeight="1">
      <c r="B125" s="50"/>
      <c r="C125" s="29" t="s">
        <v>60</v>
      </c>
      <c r="D125" s="30"/>
      <c r="E125" s="31"/>
      <c r="F125" s="28" t="s">
        <v>52</v>
      </c>
      <c r="G125" s="25" t="s">
        <v>61</v>
      </c>
      <c r="H125" s="26"/>
      <c r="I125" s="27"/>
    </row>
    <row r="126" spans="1:9" s="17" customFormat="1" ht="14.25" customHeight="1">
      <c r="B126" s="50"/>
      <c r="C126" s="29" t="s">
        <v>62</v>
      </c>
      <c r="D126" s="30"/>
      <c r="E126" s="31"/>
      <c r="F126" s="28" t="s">
        <v>52</v>
      </c>
      <c r="G126" s="25" t="s">
        <v>61</v>
      </c>
      <c r="H126" s="26"/>
      <c r="I126" s="27"/>
    </row>
    <row r="127" spans="1:9" s="17" customFormat="1" ht="14.25" customHeight="1">
      <c r="B127" s="50"/>
      <c r="C127" s="29" t="s">
        <v>63</v>
      </c>
      <c r="D127" s="30"/>
      <c r="E127" s="31"/>
      <c r="F127" s="28" t="s">
        <v>52</v>
      </c>
      <c r="G127" s="25" t="s">
        <v>61</v>
      </c>
      <c r="H127" s="26"/>
      <c r="I127" s="27"/>
    </row>
    <row r="128" spans="1:9" s="17" customFormat="1" ht="14.25" customHeight="1">
      <c r="B128" s="50"/>
      <c r="C128" s="29" t="s">
        <v>64</v>
      </c>
      <c r="D128" s="30"/>
      <c r="E128" s="31"/>
      <c r="F128" s="28" t="s">
        <v>52</v>
      </c>
      <c r="G128" s="25" t="s">
        <v>61</v>
      </c>
      <c r="H128" s="26"/>
      <c r="I128" s="27"/>
    </row>
    <row r="129" spans="1:9" s="17" customFormat="1" ht="14.25" customHeight="1">
      <c r="B129" s="50"/>
      <c r="C129" s="29" t="s">
        <v>65</v>
      </c>
      <c r="D129" s="30"/>
      <c r="E129" s="31"/>
      <c r="F129" s="28" t="s">
        <v>52</v>
      </c>
      <c r="G129" s="25" t="s">
        <v>61</v>
      </c>
      <c r="H129" s="26"/>
      <c r="I129" s="27"/>
    </row>
    <row r="130" spans="1:9" s="17" customFormat="1" ht="14.25" customHeight="1">
      <c r="B130" s="50"/>
      <c r="C130" s="46" t="s">
        <v>66</v>
      </c>
      <c r="D130" s="47"/>
      <c r="E130" s="48"/>
      <c r="F130" s="28" t="s">
        <v>52</v>
      </c>
      <c r="G130" s="25" t="s">
        <v>53</v>
      </c>
      <c r="H130" s="26"/>
      <c r="I130" s="27"/>
    </row>
    <row r="131" spans="1:9" s="17" customFormat="1" ht="14.25" customHeight="1">
      <c r="A131" s="32"/>
      <c r="B131" s="50"/>
      <c r="C131" s="29" t="s">
        <v>67</v>
      </c>
      <c r="D131" s="30"/>
      <c r="E131" s="31"/>
      <c r="F131" s="28" t="s">
        <v>52</v>
      </c>
      <c r="G131" s="25" t="s">
        <v>53</v>
      </c>
      <c r="H131" s="26"/>
      <c r="I131" s="27"/>
    </row>
    <row r="132" spans="1:9" s="17" customFormat="1" ht="14.25" customHeight="1">
      <c r="B132" s="50"/>
      <c r="C132" s="29" t="s">
        <v>68</v>
      </c>
      <c r="D132" s="30"/>
      <c r="E132" s="31"/>
      <c r="F132" s="28" t="s">
        <v>52</v>
      </c>
      <c r="G132" s="25" t="s">
        <v>61</v>
      </c>
      <c r="H132" s="26"/>
      <c r="I132" s="27"/>
    </row>
    <row r="133" spans="1:9" s="17" customFormat="1" ht="14.25" customHeight="1">
      <c r="B133" s="50"/>
      <c r="C133" s="46" t="s">
        <v>69</v>
      </c>
      <c r="D133" s="47"/>
      <c r="E133" s="48"/>
      <c r="F133" s="28" t="s">
        <v>52</v>
      </c>
      <c r="G133" s="25" t="s">
        <v>61</v>
      </c>
      <c r="H133" s="26"/>
      <c r="I133" s="27"/>
    </row>
    <row r="134" spans="1:9" s="17" customFormat="1" ht="14.25" customHeight="1">
      <c r="B134" s="51"/>
      <c r="C134" s="29" t="s">
        <v>70</v>
      </c>
      <c r="D134" s="30"/>
      <c r="E134" s="31"/>
      <c r="F134" s="28" t="s">
        <v>52</v>
      </c>
      <c r="G134" s="25" t="s">
        <v>71</v>
      </c>
      <c r="H134" s="26"/>
      <c r="I134" s="27"/>
    </row>
    <row r="135" spans="1:9" s="17" customFormat="1" ht="14.25" customHeight="1">
      <c r="B135" s="36" t="s">
        <v>78</v>
      </c>
      <c r="C135" s="37"/>
      <c r="D135" s="37"/>
      <c r="E135" s="38"/>
      <c r="F135" s="28" t="s">
        <v>72</v>
      </c>
      <c r="G135" s="39" t="s">
        <v>61</v>
      </c>
      <c r="H135" s="40"/>
      <c r="I135" s="41"/>
    </row>
    <row r="136" spans="1:9" s="17" customFormat="1" ht="14.25" customHeight="1">
      <c r="G136" s="16"/>
      <c r="H136" s="16"/>
    </row>
    <row r="137" spans="1:9" s="17" customFormat="1" ht="14.25" customHeight="1">
      <c r="G137" s="16"/>
      <c r="H137" s="16"/>
    </row>
    <row r="138" spans="1:9" s="17" customFormat="1" ht="14.25" customHeight="1">
      <c r="A138" s="17" t="s">
        <v>111</v>
      </c>
    </row>
    <row r="139" spans="1:9" s="17" customFormat="1" ht="14.25" customHeight="1">
      <c r="A139" s="17" t="s">
        <v>79</v>
      </c>
    </row>
    <row r="140" spans="1:9" s="17" customFormat="1" ht="14.25" customHeight="1"/>
    <row r="141" spans="1:9" s="17" customFormat="1" ht="14.25" customHeight="1">
      <c r="B141" s="16"/>
      <c r="E141" s="17" t="s">
        <v>45</v>
      </c>
      <c r="G141" s="16" t="s">
        <v>46</v>
      </c>
      <c r="H141" s="16"/>
    </row>
    <row r="142" spans="1:9" s="17" customFormat="1" ht="14.25" customHeight="1">
      <c r="B142" s="16"/>
      <c r="D142" s="16"/>
      <c r="G142" s="16"/>
      <c r="H142" s="16"/>
    </row>
    <row r="143" spans="1:9" s="17" customFormat="1" ht="14.25" customHeight="1">
      <c r="A143" s="17" t="s">
        <v>80</v>
      </c>
    </row>
    <row r="144" spans="1:9" s="17" customFormat="1" ht="14.25" customHeight="1">
      <c r="A144" s="23" t="s">
        <v>81</v>
      </c>
    </row>
    <row r="145" spans="1:9" s="17" customFormat="1" ht="14.25" customHeight="1">
      <c r="G145" s="16"/>
      <c r="H145" s="16"/>
    </row>
    <row r="146" spans="1:9" s="17" customFormat="1" ht="14.25" customHeight="1">
      <c r="C146" s="16"/>
      <c r="E146" s="17" t="s">
        <v>45</v>
      </c>
      <c r="G146" s="16" t="s">
        <v>46</v>
      </c>
      <c r="H146" s="16"/>
    </row>
    <row r="147" spans="1:9" s="17" customFormat="1" ht="14.25" customHeight="1">
      <c r="G147" s="16"/>
      <c r="H147" s="16"/>
    </row>
    <row r="148" spans="1:9" s="17" customFormat="1" ht="14.25" customHeight="1">
      <c r="A148" s="23" t="s">
        <v>82</v>
      </c>
    </row>
    <row r="149" spans="1:9" s="17" customFormat="1" ht="14.25" customHeight="1">
      <c r="G149" s="16"/>
      <c r="H149" s="16"/>
    </row>
    <row r="150" spans="1:9" s="17" customFormat="1" ht="14.25" customHeight="1">
      <c r="C150" s="16"/>
      <c r="E150" s="17" t="s">
        <v>45</v>
      </c>
      <c r="G150" s="16" t="s">
        <v>46</v>
      </c>
      <c r="H150" s="16"/>
    </row>
    <row r="151" spans="1:9" s="17" customFormat="1" ht="14.25" customHeight="1">
      <c r="G151" s="16"/>
      <c r="H151" s="16"/>
    </row>
    <row r="152" spans="1:9" s="17" customFormat="1" ht="14.25" customHeight="1">
      <c r="A152" s="23" t="s">
        <v>83</v>
      </c>
    </row>
    <row r="153" spans="1:9" s="17" customFormat="1" ht="14.25" customHeight="1"/>
    <row r="154" spans="1:9" s="17" customFormat="1" ht="14.25" customHeight="1">
      <c r="C154" s="16"/>
      <c r="E154" s="17" t="s">
        <v>45</v>
      </c>
      <c r="G154" s="16" t="s">
        <v>46</v>
      </c>
      <c r="H154" s="16"/>
    </row>
    <row r="155" spans="1:9" s="17" customFormat="1" ht="14.25" customHeight="1">
      <c r="C155" s="16"/>
      <c r="G155" s="16"/>
      <c r="H155" s="16"/>
    </row>
    <row r="156" spans="1:9" s="17" customFormat="1" ht="14">
      <c r="A156" s="17" t="s">
        <v>118</v>
      </c>
      <c r="G156" s="16" t="s">
        <v>112</v>
      </c>
      <c r="H156" s="16"/>
      <c r="I156" s="17" t="s">
        <v>113</v>
      </c>
    </row>
    <row r="157" spans="1:9" s="17" customFormat="1" ht="14">
      <c r="A157" s="17" t="s">
        <v>114</v>
      </c>
      <c r="G157" s="16"/>
      <c r="H157" s="16"/>
    </row>
    <row r="158" spans="1:9" s="17" customFormat="1" ht="14">
      <c r="G158" s="16"/>
      <c r="H158" s="16"/>
    </row>
    <row r="159" spans="1:9" s="17" customFormat="1" ht="14">
      <c r="A159" s="17" t="s">
        <v>119</v>
      </c>
      <c r="G159" s="16" t="s">
        <v>115</v>
      </c>
      <c r="H159" s="16" t="s">
        <v>116</v>
      </c>
    </row>
    <row r="160" spans="1:9" s="17" customFormat="1" ht="14">
      <c r="A160" s="17" t="s">
        <v>117</v>
      </c>
      <c r="G160" s="16"/>
      <c r="H160" s="16"/>
    </row>
    <row r="161" spans="1:9" s="17" customFormat="1" ht="14">
      <c r="G161" s="16"/>
      <c r="H161" s="16"/>
    </row>
    <row r="162" spans="1:9" s="17" customFormat="1" ht="14">
      <c r="A162" s="17" t="s">
        <v>128</v>
      </c>
      <c r="G162" s="17" t="s">
        <v>45</v>
      </c>
      <c r="H162" s="16" t="s">
        <v>46</v>
      </c>
      <c r="I162" s="16"/>
    </row>
    <row r="163" spans="1:9" s="17" customFormat="1" ht="14">
      <c r="A163" s="17" t="s">
        <v>127</v>
      </c>
      <c r="G163" s="16"/>
      <c r="H163" s="16"/>
    </row>
    <row r="164" spans="1:9" s="17" customFormat="1" ht="14.25" customHeight="1"/>
    <row r="165" spans="1:9" s="17" customFormat="1" ht="14.25" customHeight="1">
      <c r="A165" s="17" t="s">
        <v>87</v>
      </c>
    </row>
    <row r="166" spans="1:9" s="17" customFormat="1" ht="14.25" customHeight="1"/>
    <row r="167" spans="1:9" s="17" customFormat="1" ht="14.25" customHeight="1">
      <c r="A167" s="6" t="s">
        <v>89</v>
      </c>
      <c r="B167" s="17" t="s">
        <v>134</v>
      </c>
    </row>
    <row r="168" spans="1:9" s="17" customFormat="1" ht="14.25" customHeight="1">
      <c r="A168" s="6" t="s">
        <v>90</v>
      </c>
      <c r="B168" s="17" t="s">
        <v>135</v>
      </c>
    </row>
    <row r="169" spans="1:9" s="17" customFormat="1" ht="14.25" customHeight="1">
      <c r="A169" s="6" t="s">
        <v>88</v>
      </c>
      <c r="B169" s="17" t="s">
        <v>93</v>
      </c>
    </row>
    <row r="170" spans="1:9" s="17" customFormat="1" ht="14.25" customHeight="1">
      <c r="A170" s="6" t="s">
        <v>88</v>
      </c>
      <c r="B170" s="17" t="s">
        <v>91</v>
      </c>
    </row>
    <row r="171" spans="1:9" s="17" customFormat="1" ht="14.25" customHeight="1">
      <c r="A171" s="6" t="s">
        <v>88</v>
      </c>
      <c r="B171" s="17" t="s">
        <v>92</v>
      </c>
    </row>
    <row r="172" spans="1:9" s="17" customFormat="1" ht="14.25" customHeight="1">
      <c r="A172" s="6" t="s">
        <v>94</v>
      </c>
      <c r="B172" s="17" t="s">
        <v>95</v>
      </c>
    </row>
    <row r="173" spans="1:9" s="17" customFormat="1" ht="14.25" customHeight="1">
      <c r="A173" s="6" t="s">
        <v>88</v>
      </c>
      <c r="B173" s="17" t="s">
        <v>96</v>
      </c>
    </row>
    <row r="174" spans="1:9" s="17" customFormat="1" ht="14.25" customHeight="1">
      <c r="A174" s="6" t="s">
        <v>88</v>
      </c>
      <c r="B174" s="17" t="s">
        <v>97</v>
      </c>
    </row>
    <row r="175" spans="1:9" s="17" customFormat="1" ht="14.25" customHeight="1">
      <c r="A175" s="6" t="s">
        <v>88</v>
      </c>
      <c r="B175" s="17" t="s">
        <v>98</v>
      </c>
    </row>
    <row r="176" spans="1:9" s="17" customFormat="1" ht="14.25" customHeight="1">
      <c r="A176" s="6" t="s">
        <v>88</v>
      </c>
      <c r="B176" s="17" t="s">
        <v>99</v>
      </c>
    </row>
    <row r="177" spans="1:12" s="17" customFormat="1" ht="14.25" customHeight="1">
      <c r="A177" s="6" t="s">
        <v>89</v>
      </c>
      <c r="B177" s="17" t="s">
        <v>100</v>
      </c>
    </row>
    <row r="178" spans="1:12" s="17" customFormat="1" ht="14.25" customHeight="1"/>
    <row r="179" spans="1:12" s="17" customFormat="1" ht="14">
      <c r="A179" s="17" t="s">
        <v>85</v>
      </c>
    </row>
    <row r="180" spans="1:12" ht="14">
      <c r="A180" s="14"/>
      <c r="B180" s="14"/>
      <c r="C180" s="14"/>
      <c r="D180" s="14"/>
      <c r="E180" s="14"/>
      <c r="F180" s="14"/>
      <c r="G180" s="14"/>
      <c r="H180" s="14"/>
      <c r="I180" s="14"/>
      <c r="J180" s="14"/>
      <c r="K180" s="33"/>
      <c r="L180" s="33"/>
    </row>
    <row r="181" spans="1:12" ht="14">
      <c r="A181" s="33"/>
      <c r="B181" s="33"/>
    </row>
  </sheetData>
  <mergeCells count="19">
    <mergeCell ref="A54:F54"/>
    <mergeCell ref="A58:E58"/>
    <mergeCell ref="A56:E56"/>
    <mergeCell ref="F46:J46"/>
    <mergeCell ref="A1:J1"/>
    <mergeCell ref="G50:I50"/>
    <mergeCell ref="A52:F52"/>
    <mergeCell ref="G52:I52"/>
    <mergeCell ref="B135:E135"/>
    <mergeCell ref="G135:I135"/>
    <mergeCell ref="A93:H93"/>
    <mergeCell ref="B118:E118"/>
    <mergeCell ref="G118:I118"/>
    <mergeCell ref="B119:B122"/>
    <mergeCell ref="C121:E121"/>
    <mergeCell ref="C122:E122"/>
    <mergeCell ref="B123:B134"/>
    <mergeCell ref="C130:E130"/>
    <mergeCell ref="C133:E133"/>
  </mergeCells>
  <phoneticPr fontId="2"/>
  <pageMargins left="0.78740157480314965" right="0.39370078740157483" top="0.59055118110236227" bottom="0.59055118110236227" header="0.51181102362204722" footer="0.11811023622047245"/>
  <pageSetup paperSize="9" scale="97" orientation="portrait" blackAndWhite="1" r:id="rId1"/>
  <headerFooter alignWithMargins="0">
    <oddFooter>&amp;C&amp;P</oddFooter>
  </headerFooter>
  <rowBreaks count="2" manualBreakCount="2">
    <brk id="57" max="9" man="1"/>
    <brk id="113"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療養</vt:lpstr>
      <vt:lpstr>療養!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user</cp:lastModifiedBy>
  <cp:revision>0</cp:revision>
  <cp:lastPrinted>2025-08-05T08:54:18Z</cp:lastPrinted>
  <dcterms:created xsi:type="dcterms:W3CDTF">1601-01-01T00:00:00Z</dcterms:created>
  <dcterms:modified xsi:type="dcterms:W3CDTF">2025-08-05T08:54:21Z</dcterms:modified>
  <cp:category/>
</cp:coreProperties>
</file>